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9.30時点\01_起案\"/>
    </mc:Choice>
  </mc:AlternateContent>
  <bookViews>
    <workbookView xWindow="0" yWindow="0" windowWidth="15708" windowHeight="7512"/>
  </bookViews>
  <sheets>
    <sheet name="小田原" sheetId="86" r:id="rId1"/>
  </sheets>
  <externalReferences>
    <externalReference r:id="rId2"/>
  </externalReferences>
  <definedNames>
    <definedName name="_xlnm._FilterDatabase" localSheetId="0" hidden="1">小田原!$A$2:$E$1001</definedName>
    <definedName name="_xlnm.Print_Area" localSheetId="0">小田原!$A$1:$E$1026</definedName>
    <definedName name="_xlnm.Print_Titles" localSheetId="0">小田原!$2:$2</definedName>
  </definedNames>
  <calcPr calcId="162913"/>
</workbook>
</file>

<file path=xl/sharedStrings.xml><?xml version="1.0" encoding="utf-8"?>
<sst xmlns="http://schemas.openxmlformats.org/spreadsheetml/2006/main" count="4102" uniqueCount="3040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ホテルR</t>
  </si>
  <si>
    <t>小田原市飯泉４７８－８</t>
  </si>
  <si>
    <t>江の浦テラス</t>
  </si>
  <si>
    <t>小田原市江之浦２０６－１３</t>
  </si>
  <si>
    <t>小田原市尊徳記念館</t>
  </si>
  <si>
    <t>小田原市栢山２０６５－１</t>
  </si>
  <si>
    <t>きらく</t>
  </si>
  <si>
    <t>小田原市栢山３１４</t>
  </si>
  <si>
    <t>小田原市いこいの森</t>
  </si>
  <si>
    <t>小田原市久野4294-1</t>
  </si>
  <si>
    <t>国府津館</t>
  </si>
  <si>
    <t>小田原市国府津３－８－８</t>
  </si>
  <si>
    <t>ホテルクニミ</t>
  </si>
  <si>
    <t>小田原市栄町１－１０－１１</t>
  </si>
  <si>
    <t>ビジネスホテル伊勢</t>
  </si>
  <si>
    <t>小田原市栄町１－９－１０</t>
  </si>
  <si>
    <t>ホテル　オレンヂ</t>
  </si>
  <si>
    <t>小田原市栄町１丁目５－１８</t>
  </si>
  <si>
    <t>小田原ターミナルホテル</t>
  </si>
  <si>
    <t>小田原市栄町２－６－１４</t>
  </si>
  <si>
    <t>田毎旅館</t>
  </si>
  <si>
    <t>小田原市栄町２－７－１０</t>
  </si>
  <si>
    <t>ホテルおかもと</t>
  </si>
  <si>
    <t>小田原市栄町２－７－２９</t>
  </si>
  <si>
    <t>ＨＯＴＥＬ　POSH</t>
  </si>
  <si>
    <t>小田原市栄町２－７－７</t>
  </si>
  <si>
    <t>小田原市栄町３－１－５</t>
  </si>
  <si>
    <t>plum hostel</t>
  </si>
  <si>
    <t>小田原市栄町3-4-17　2階B</t>
  </si>
  <si>
    <t>ビジネスホテル　グリーン</t>
  </si>
  <si>
    <t>岡本荘</t>
  </si>
  <si>
    <t>小田原市栄町４－５－９</t>
  </si>
  <si>
    <t>隠家ホテルスリーファイブ小田原店</t>
  </si>
  <si>
    <t>小田原市下大井580-1</t>
  </si>
  <si>
    <t>旅館しろやま</t>
  </si>
  <si>
    <t>小田原市城山４－１－３</t>
  </si>
  <si>
    <t>カルチャーBONDS小田原</t>
  </si>
  <si>
    <t>小田原市多古７３０－１</t>
  </si>
  <si>
    <t>つるや旅館</t>
  </si>
  <si>
    <t>すし橘</t>
  </si>
  <si>
    <t>小田原市中村原１６８－３</t>
  </si>
  <si>
    <t>ヒルトン小田原リゾート＆スパ</t>
  </si>
  <si>
    <t>Ｇｕｅｓｔ　ｈｏｕｓｅ　ＢＯＲＲＡＣＨＡ</t>
  </si>
  <si>
    <t>小田原市早川１－４－９－３０２号室</t>
  </si>
  <si>
    <t>海人の家　民宿くやま</t>
  </si>
  <si>
    <t>小田原市早川３－１６－２２</t>
  </si>
  <si>
    <t>TWINKLE HAYAFUJI</t>
  </si>
  <si>
    <t>小田原市早川３－２３－６</t>
  </si>
  <si>
    <t>ナイト</t>
  </si>
  <si>
    <t>小田原市早川３－２３－７</t>
  </si>
  <si>
    <t>アボロ</t>
  </si>
  <si>
    <t>小田原市早川３－２４－１０</t>
  </si>
  <si>
    <t>Ｒｅｓｏｒｔ ＨＯＴＥＬ ＦＵＧＡ 小田原店</t>
  </si>
  <si>
    <t>小田原市早川３－２６－１</t>
  </si>
  <si>
    <t>アミューズメントホテル　X</t>
  </si>
  <si>
    <t>小田原市早川６３７-１</t>
  </si>
  <si>
    <t>有限会社くろさわ</t>
  </si>
  <si>
    <t>小田原市東町１－３０－３７</t>
  </si>
  <si>
    <t>ビジネス旅館かねこ</t>
  </si>
  <si>
    <t>小田原市本町２－７－１０</t>
  </si>
  <si>
    <t>ホテルクニミ鴨宮</t>
  </si>
  <si>
    <t>小田原市前川１８３－１３</t>
  </si>
  <si>
    <t>サンサンヒルズ小田原</t>
  </si>
  <si>
    <t>小田原市水之尾１４３－１</t>
  </si>
  <si>
    <t>民宿からつ屋</t>
  </si>
  <si>
    <t>舞の浜</t>
  </si>
  <si>
    <t>民宿やまざき</t>
  </si>
  <si>
    <t>小さな宿　さざ波</t>
  </si>
  <si>
    <t>民宿清海</t>
  </si>
  <si>
    <t>民宿亀屋</t>
  </si>
  <si>
    <t>大和屋</t>
  </si>
  <si>
    <t>ペンション奥</t>
  </si>
  <si>
    <t>海家</t>
  </si>
  <si>
    <t>いずみ</t>
  </si>
  <si>
    <t>ペンションＳＨＩＯＳＡＩ</t>
  </si>
  <si>
    <t>民宿青い空</t>
  </si>
  <si>
    <t>有限会社正徳</t>
  </si>
  <si>
    <t>海辺のリゾート　碧い海</t>
  </si>
  <si>
    <t>シーサイドテラス真鶴</t>
  </si>
  <si>
    <t>有限会社　旅館　峰</t>
  </si>
  <si>
    <t>真鶴ボートハウス</t>
  </si>
  <si>
    <t>旅荘よしえ</t>
  </si>
  <si>
    <t>入船旅館</t>
  </si>
  <si>
    <t>有限会社鯛納屋</t>
  </si>
  <si>
    <t>湘南　真鶴貸別荘　海</t>
  </si>
  <si>
    <t>ひのや旅館</t>
  </si>
  <si>
    <t>株式会社みよし旅館</t>
  </si>
  <si>
    <t>民宿ともみ</t>
  </si>
  <si>
    <t>友光</t>
  </si>
  <si>
    <t>民宿おかげ荘</t>
  </si>
  <si>
    <t>ウエスト　サイド</t>
  </si>
  <si>
    <t>民宿　涼</t>
  </si>
  <si>
    <t>旅館幸太荘</t>
  </si>
  <si>
    <t>オレンヂビラ湯河原</t>
  </si>
  <si>
    <t>プチホテル　公園前</t>
  </si>
  <si>
    <t>ペンション　ボンファム</t>
  </si>
  <si>
    <t>ペンション　はな</t>
  </si>
  <si>
    <t>横浜倉庫　吉浜荘</t>
  </si>
  <si>
    <t>富士交通株式会社保養所　晴山荘</t>
  </si>
  <si>
    <t>東京シティ信用金庫　真鶴寮</t>
  </si>
  <si>
    <t>ピジョン　湘碧山房</t>
  </si>
  <si>
    <t>トッパン研修センター（湯河原）</t>
  </si>
  <si>
    <t>株式会社ホテルあかね</t>
  </si>
  <si>
    <t>たつみ荘</t>
  </si>
  <si>
    <t>パイロット湯河原研修所</t>
  </si>
  <si>
    <t>多機能倶楽部千歳川</t>
  </si>
  <si>
    <t>旅館　なわ井</t>
  </si>
  <si>
    <t>久亭</t>
  </si>
  <si>
    <t>みやかみ荘</t>
  </si>
  <si>
    <t>旅館グリーン荘</t>
  </si>
  <si>
    <t>湯河原ホテル　四季彩</t>
  </si>
  <si>
    <t>畦友荘</t>
  </si>
  <si>
    <t>グリーンパル湯河原</t>
  </si>
  <si>
    <t>湯の里　杉菜</t>
  </si>
  <si>
    <t>神奈川県市町村職員共済組合保養所　湯河原温泉ちとせ</t>
  </si>
  <si>
    <t>おんやど惠</t>
  </si>
  <si>
    <t>ふきや旅館</t>
  </si>
  <si>
    <t>温泉旅館　岩亀荘</t>
  </si>
  <si>
    <t>有限会社　魚判</t>
  </si>
  <si>
    <t>合資会社　伊藤屋旅館</t>
  </si>
  <si>
    <t>株式会社藤田屋旅館</t>
  </si>
  <si>
    <t>湯楽</t>
  </si>
  <si>
    <t>株式会社　光陽館</t>
  </si>
  <si>
    <t>ゆっくり</t>
  </si>
  <si>
    <t>ゆがわら　水の香里</t>
  </si>
  <si>
    <t>有限会社　上野屋</t>
  </si>
  <si>
    <t>まゝねの湯</t>
  </si>
  <si>
    <t>有限会社旅館暖景苑</t>
  </si>
  <si>
    <t>湯河原千代田荘</t>
  </si>
  <si>
    <t>花長温泉株式会社花長園</t>
  </si>
  <si>
    <t>ひばり荘</t>
  </si>
  <si>
    <t>山翠楼 SANSUIROU</t>
  </si>
  <si>
    <t>株式会社青巒荘</t>
  </si>
  <si>
    <t>秀邑（ほむら）</t>
  </si>
  <si>
    <t>結唯</t>
  </si>
  <si>
    <t>白雲荘</t>
  </si>
  <si>
    <t>アポロ荘</t>
  </si>
  <si>
    <t>花鳥風月の宿　浮月</t>
  </si>
  <si>
    <t>オレンジドームゆがわら</t>
  </si>
  <si>
    <t>阿しか里</t>
  </si>
  <si>
    <t>日本私立学校振興･共済事業団　湯河原宿泊所敷島館</t>
  </si>
  <si>
    <t>旅館石葉</t>
  </si>
  <si>
    <t>株式会社　大滝ホテル</t>
  </si>
  <si>
    <t>温泉民宿　美湯香</t>
  </si>
  <si>
    <t>有限会社天作</t>
  </si>
  <si>
    <t>日本飛行機健康保険組合　湯河原荘</t>
  </si>
  <si>
    <t>海石榴　つばき</t>
  </si>
  <si>
    <t>株式会社　加満田</t>
  </si>
  <si>
    <t>うおしづ旅館</t>
  </si>
  <si>
    <t>お宿　ながお</t>
  </si>
  <si>
    <t>湘南信用金庫湯河原寮</t>
  </si>
  <si>
    <t>ホテル城山</t>
  </si>
  <si>
    <t>ユガワラベイ　マンダリンハウス</t>
  </si>
  <si>
    <t>杉の宿第2新館</t>
  </si>
  <si>
    <t>民宿かしわぎ</t>
  </si>
  <si>
    <t>民宿ホテル杉の宿</t>
  </si>
  <si>
    <t>ゆとろ嵯峨沢の湯　別館</t>
  </si>
  <si>
    <t>ふじえだ（旅館）</t>
  </si>
  <si>
    <t>ゆがわら万葉荘</t>
  </si>
  <si>
    <t>旅館魚記</t>
  </si>
  <si>
    <t>温泉旅館　千鶴</t>
  </si>
  <si>
    <t>トゥ・スマイル　ケアセンター　湯河原事業所</t>
  </si>
  <si>
    <t>ご縁の杜</t>
  </si>
  <si>
    <t>深沢別館</t>
  </si>
  <si>
    <t>ペンション・シーサイド真鶴</t>
  </si>
  <si>
    <t>貸別荘　うみがめ</t>
  </si>
  <si>
    <t>ペンション真鶴</t>
  </si>
  <si>
    <t>はま源</t>
  </si>
  <si>
    <t>旅館なかじま</t>
  </si>
  <si>
    <t>民宿　いたくら</t>
  </si>
  <si>
    <t>きのくにや旅館</t>
  </si>
  <si>
    <t>葦</t>
  </si>
  <si>
    <t>箱根湯の花プリンスホテル</t>
  </si>
  <si>
    <t>武蔵野本館　箱根吟遊</t>
  </si>
  <si>
    <t>エクシブ箱根離宮</t>
  </si>
  <si>
    <t>明星館</t>
  </si>
  <si>
    <t>菊華荘</t>
  </si>
  <si>
    <t>温泉民宿好楽荘本館</t>
  </si>
  <si>
    <t>HakoneHOSTEL1914</t>
  </si>
  <si>
    <t>湯の宿　遊月</t>
  </si>
  <si>
    <t>月廼屋旅館</t>
  </si>
  <si>
    <t>箱根　時の雫</t>
  </si>
  <si>
    <t>四季倶楽部ヴィラ箱根８０</t>
  </si>
  <si>
    <t>民宿みたけ</t>
  </si>
  <si>
    <t>TJK箱根の森</t>
  </si>
  <si>
    <t>「四季の湯座敷」武蔵野別館</t>
  </si>
  <si>
    <t>櫻休庵別亭　凛</t>
  </si>
  <si>
    <t>ヴィラヴィスタ箱根</t>
  </si>
  <si>
    <t>ドッグパレスリゾート箱根</t>
  </si>
  <si>
    <t>箱根エレカーサ</t>
  </si>
  <si>
    <t>眺山荘</t>
  </si>
  <si>
    <t>和風ペンション明神茶屋</t>
  </si>
  <si>
    <t>トヨタウエインズグループ健康保険組合　箱根保養所</t>
  </si>
  <si>
    <t>べネフィット・ステーション箱根宮城野</t>
  </si>
  <si>
    <t>箱根　櫻休庵</t>
  </si>
  <si>
    <t>箱根ねんねこや</t>
  </si>
  <si>
    <t>箱根錦生園</t>
  </si>
  <si>
    <t>大林組箱根宮城野苑</t>
  </si>
  <si>
    <t>サンダンス・リゾート箱根宮城野</t>
  </si>
  <si>
    <t>電設･家具健保保養所みやぎの</t>
  </si>
  <si>
    <t>四季倶楽部　箱根星の家</t>
  </si>
  <si>
    <t>有限会社吉浜</t>
  </si>
  <si>
    <t>帝京大学箱根セミナーハウス</t>
  </si>
  <si>
    <t>ゆとりろ庵</t>
  </si>
  <si>
    <t>ゆとりろ庵ANNEX</t>
  </si>
  <si>
    <t>サンダンス・リゾート箱根強羅</t>
  </si>
  <si>
    <t>東プラ箱根</t>
  </si>
  <si>
    <t>強羅月の泉</t>
  </si>
  <si>
    <t>強羅環翠楼</t>
  </si>
  <si>
    <t>東洋埠頭強羅山荘</t>
  </si>
  <si>
    <t>帝京大学箱根セミナーハウス別館</t>
  </si>
  <si>
    <t>箱根強羅温泉　季の湯　雪月花</t>
  </si>
  <si>
    <t>関電工健康保険組合箱根保養所</t>
  </si>
  <si>
    <t>ニチモウ強羅荘</t>
  </si>
  <si>
    <t>蔵のや　本館</t>
  </si>
  <si>
    <t>強羅花扇</t>
  </si>
  <si>
    <t>メルヴェール箱根強羅</t>
  </si>
  <si>
    <t>DOWAホールディングス株式会社　足柄荘</t>
  </si>
  <si>
    <t>エース株式会社　箱根保養所　強羅　柳庵</t>
  </si>
  <si>
    <t>強羅花壇</t>
  </si>
  <si>
    <t>ホテル箱根ｍｙ強羅</t>
  </si>
  <si>
    <t>ハイアットリージェンシー箱根リゾート＆スパ</t>
  </si>
  <si>
    <t>国民宿舎箱根太陽山荘</t>
  </si>
  <si>
    <t>ペンション「リバティ･ハウス」</t>
  </si>
  <si>
    <t>強羅　風の音</t>
  </si>
  <si>
    <t>三花月</t>
  </si>
  <si>
    <t>ペンション箱根の山</t>
  </si>
  <si>
    <t>強羅にごりの湯宿　のうのう箱根</t>
  </si>
  <si>
    <t>箱根　金時荘</t>
  </si>
  <si>
    <t>温泉ホテル強羅館</t>
  </si>
  <si>
    <t>ＨＡＫＯＮＥ　ＴＥＮＴ</t>
  </si>
  <si>
    <t>ホテル　楽々花</t>
  </si>
  <si>
    <t>鹿島箱根強羅荘</t>
  </si>
  <si>
    <t>東京薬業健康保険組合箱根保養所向山荘</t>
  </si>
  <si>
    <t>箱根東亜荘</t>
  </si>
  <si>
    <t>大成建設株式会社箱根洗心寮</t>
  </si>
  <si>
    <t>日証金箱根向山荘</t>
  </si>
  <si>
    <t>桐谷箱根荘</t>
  </si>
  <si>
    <t>金嶺荘</t>
  </si>
  <si>
    <t>和's B&amp;B Paseo</t>
  </si>
  <si>
    <t>トピー健康保険組合強羅荘</t>
  </si>
  <si>
    <t>ホテル佳山水</t>
  </si>
  <si>
    <t>レクトーレ箱根</t>
  </si>
  <si>
    <t>東京多摩青果株式会社　強羅の郷</t>
  </si>
  <si>
    <t>ホテル　マロウド　箱根</t>
  </si>
  <si>
    <t>強羅花扇　円かの杜</t>
  </si>
  <si>
    <t>岩鏡</t>
  </si>
  <si>
    <t>和の宿　華ごころ</t>
  </si>
  <si>
    <t>山田家</t>
  </si>
  <si>
    <t>箱根強羅温泉　瑞の香り</t>
  </si>
  <si>
    <t>テル箱根クラブ</t>
  </si>
  <si>
    <t>ジェイテクト箱根荘</t>
  </si>
  <si>
    <t>東京文具販売健康保険組合箱根強羅山荘</t>
  </si>
  <si>
    <t>レジーナリゾート箱根雲外荘</t>
  </si>
  <si>
    <t>新宿区立中強羅区民保養所　箱根つつじ荘</t>
  </si>
  <si>
    <t>集英社強羅山荘</t>
  </si>
  <si>
    <t>大和證券グループ強羅寮</t>
  </si>
  <si>
    <t>ホテルグリーンプラザ強羅</t>
  </si>
  <si>
    <t>四季倶楽部強羅彩香</t>
  </si>
  <si>
    <t>ＪＦＥ健康保険組合　早雲荘</t>
  </si>
  <si>
    <t>ＧＦ２１　Ｈａｋｏｎｅ</t>
  </si>
  <si>
    <t>株式会社飯田産業箱根保養所「愛です箱根」</t>
  </si>
  <si>
    <t>横浜信用金庫　箱根山荘</t>
  </si>
  <si>
    <t>湘南リゾート２１</t>
  </si>
  <si>
    <t>有限会社民宿飯島荘</t>
  </si>
  <si>
    <t>箱根レイクヴィラ</t>
  </si>
  <si>
    <t>専修大学箱根セミナーハウス</t>
  </si>
  <si>
    <t>箱根エレガンス</t>
  </si>
  <si>
    <t>東洋大学箱根保養所</t>
  </si>
  <si>
    <t>カーロフォレスタ元箱根ＬＵＣＩＡ</t>
  </si>
  <si>
    <t>トスラブ箱根和奏林</t>
  </si>
  <si>
    <t>秀明館</t>
  </si>
  <si>
    <t>トスラブ箱根ビオーレ</t>
  </si>
  <si>
    <t>成蹊学園箱根寮</t>
  </si>
  <si>
    <t>龍宮殿別館</t>
  </si>
  <si>
    <t>ホテルジャパン箱根</t>
  </si>
  <si>
    <t>コロニアル・ミラドー</t>
  </si>
  <si>
    <t>ダイヤモンド箱根ソサエティ</t>
  </si>
  <si>
    <t>オー・ミラドー</t>
  </si>
  <si>
    <t>箱根　龍雲荘</t>
  </si>
  <si>
    <t>旅館ふたば荘</t>
  </si>
  <si>
    <t>FunSpace芦ノ湖キャンプ村レイクサイドヴィラ</t>
  </si>
  <si>
    <t>民宿　大場</t>
  </si>
  <si>
    <t>松坂屋</t>
  </si>
  <si>
    <t>山のホテル</t>
  </si>
  <si>
    <t>芦ノ湖ペンション</t>
  </si>
  <si>
    <t>NECネッツエスアイ株式会社箱根湖尻荘</t>
  </si>
  <si>
    <t>パヴィヨン・ミラドー</t>
  </si>
  <si>
    <t>箱根高原ホテル</t>
  </si>
  <si>
    <t>ソニー･ミュージックグループ箱根ロッジ</t>
  </si>
  <si>
    <t>和心亭豊月</t>
  </si>
  <si>
    <t>箱根園コテージ　キャンピング</t>
  </si>
  <si>
    <t>箱根呼び声</t>
  </si>
  <si>
    <t>箱根園コテージ　ウエスト</t>
  </si>
  <si>
    <t>ザ・プリンス　箱根芦ノ湖</t>
  </si>
  <si>
    <t>有限会社ちすじ旅館</t>
  </si>
  <si>
    <t>金型はこね荘</t>
  </si>
  <si>
    <t>日本軽金属健康保険組合小涌谷保養所</t>
  </si>
  <si>
    <t>箱根小涌谷温泉「水の音」水花の庄</t>
  </si>
  <si>
    <t>箱根小涌谷温泉　水の音　水月の庄</t>
  </si>
  <si>
    <t>箱根小涌園　　美山楓林</t>
  </si>
  <si>
    <t>箱根香山</t>
  </si>
  <si>
    <t>箱根・翠松園</t>
  </si>
  <si>
    <t>湯処　長楽</t>
  </si>
  <si>
    <t>信越化学箱根新千荘</t>
  </si>
  <si>
    <t>須雲山荘バンガロー</t>
  </si>
  <si>
    <t>箱根ふうら</t>
  </si>
  <si>
    <t>金時山荘</t>
  </si>
  <si>
    <t>蔵のや　別館</t>
  </si>
  <si>
    <t>サンテラス箱根</t>
  </si>
  <si>
    <t>グリーンヒル草庵</t>
  </si>
  <si>
    <t>仙石高原荘</t>
  </si>
  <si>
    <t>ホテルグリーンプラザ箱根</t>
  </si>
  <si>
    <t>ホテル花月園</t>
  </si>
  <si>
    <t>DNP創発の杜　箱根芦ノ湖山荘</t>
  </si>
  <si>
    <t>箱根カントリー倶楽部ロッヂ</t>
  </si>
  <si>
    <t>キヤノン箱根館</t>
  </si>
  <si>
    <t>株式会社SUMCO箱根山荘</t>
  </si>
  <si>
    <t>阿含宗箱根研修所</t>
  </si>
  <si>
    <t>箱根　フォンテーヌブロー　仙石亭</t>
  </si>
  <si>
    <t>箱根六花荘</t>
  </si>
  <si>
    <t>箱根湯宿　然</t>
  </si>
  <si>
    <t>箱根仙石原プリンスホテル</t>
  </si>
  <si>
    <t>ＴＢＳ箱根クラブ</t>
  </si>
  <si>
    <t>望月荘</t>
  </si>
  <si>
    <t>箱根仙石荘</t>
  </si>
  <si>
    <t>ろくろべえ旅館</t>
  </si>
  <si>
    <t>ロイヤルリゾート仙石高原</t>
  </si>
  <si>
    <t>仙石高原大箱根一の湯</t>
  </si>
  <si>
    <t>サンライズ仙石原クラブ</t>
  </si>
  <si>
    <t>日本政策投資銀行仙石寮</t>
  </si>
  <si>
    <t>岡谷鋼機箱根笹寮</t>
  </si>
  <si>
    <t>いちい亭</t>
  </si>
  <si>
    <t>ファミリーロッジ旅籠屋・箱根仙石原店</t>
  </si>
  <si>
    <t>定石仙石山荘</t>
  </si>
  <si>
    <t>萬岳楼</t>
  </si>
  <si>
    <t>LiVEMAX RESORT 箱根仙石原</t>
  </si>
  <si>
    <t>仙郷楼</t>
  </si>
  <si>
    <t>大同特殊鋼箱根小塚山荘</t>
  </si>
  <si>
    <t>手塚車輌工業株式会社仙石小塚山荘</t>
  </si>
  <si>
    <t>四季倶楽部　箱根和の香</t>
  </si>
  <si>
    <t>四季倶楽部フォレスト箱根</t>
  </si>
  <si>
    <t>太陽生命新箱根厚生寮</t>
  </si>
  <si>
    <t>室町仙石荘</t>
  </si>
  <si>
    <t>ヴァークスイート箱根</t>
  </si>
  <si>
    <t>湯屋やまざくら</t>
  </si>
  <si>
    <t>福島館箱根支店</t>
  </si>
  <si>
    <t>万寿屋</t>
  </si>
  <si>
    <t>温泉民宿せりざわ荘</t>
  </si>
  <si>
    <t>港区立箱根ニコニコ高原学園</t>
  </si>
  <si>
    <t>ポイントバケーション箱根</t>
  </si>
  <si>
    <t>7th Heaven (セブンスヘブン）</t>
  </si>
  <si>
    <t>東急ハーヴェストクラブ箱根甲子園</t>
  </si>
  <si>
    <t>金乃竹</t>
  </si>
  <si>
    <t>椿本興業株式会社　箱根山荘</t>
  </si>
  <si>
    <t>川崎信用金庫　箱根しゃくなげ荘</t>
  </si>
  <si>
    <t>オオゼキ保養所　大関荘</t>
  </si>
  <si>
    <t>東急ハーヴェストクラブＶＩＡＬＡ箱根翡翠</t>
  </si>
  <si>
    <t>マウントビュー箱根</t>
  </si>
  <si>
    <t>箱根仙石原ユースホステル</t>
  </si>
  <si>
    <t>冨士箱根ゲストハウス</t>
  </si>
  <si>
    <t>三菱倉庫　仙石原荘／仙石原研修センター</t>
  </si>
  <si>
    <t>きたの風茶寮</t>
  </si>
  <si>
    <t>有限会社温泉旅館みたけ</t>
  </si>
  <si>
    <t>仙石原品の木一の湯</t>
  </si>
  <si>
    <t>オーベルジュ　箱根ガラスの森</t>
  </si>
  <si>
    <t>仙石原　品の木一の湯　別邸</t>
  </si>
  <si>
    <t>花王ファミリークラブ仙石</t>
  </si>
  <si>
    <t>三井物産株式会社湖山荘</t>
  </si>
  <si>
    <t>いすゞ仙石原クラブ</t>
  </si>
  <si>
    <t>THE HIRAMATSU HOTELS &amp; RESORTS 仙石原</t>
  </si>
  <si>
    <t>山崎製パン株式会社箱根山荘</t>
  </si>
  <si>
    <t>日本紙通商株式会社　箱根仙石山荘</t>
  </si>
  <si>
    <t>日本郵船箱根クラブ</t>
  </si>
  <si>
    <t>箱根　星のあかり</t>
  </si>
  <si>
    <t>DNP創発の杜　箱根研修センター第２</t>
  </si>
  <si>
    <t>温泉山荘さゝ尾</t>
  </si>
  <si>
    <t>カネカ箱根山荘</t>
  </si>
  <si>
    <t>株式会社　商船三井　仙石クラブ</t>
  </si>
  <si>
    <t>太陽生命箱根厚生寮</t>
  </si>
  <si>
    <t>住友重機械健康保険組合仙石高原ビラ</t>
  </si>
  <si>
    <t>神奈川大学箱根保養所</t>
  </si>
  <si>
    <t>出版健康保険組合箱根総合保養施設「おおたいら」</t>
  </si>
  <si>
    <t>箱根蘆山荘</t>
  </si>
  <si>
    <t>箱根ハイランドホテル</t>
  </si>
  <si>
    <t>港区立大平台みなと荘</t>
  </si>
  <si>
    <t>日本私立学校振興･共済事業団箱根宿泊所　対岳荘</t>
  </si>
  <si>
    <t>弥千代旅館（別館）</t>
  </si>
  <si>
    <t>HAKONE　旅の宿　海本</t>
  </si>
  <si>
    <t>箱根船員保険保養所箱根嶺南荘</t>
  </si>
  <si>
    <t>箱根上の湯</t>
  </si>
  <si>
    <t>海悦温泉旅館</t>
  </si>
  <si>
    <t>玉の湯</t>
  </si>
  <si>
    <t>山楽荘</t>
  </si>
  <si>
    <t>弥千代荘</t>
  </si>
  <si>
    <t>温泉旅館ともぎく</t>
  </si>
  <si>
    <t>山水荘</t>
  </si>
  <si>
    <t>いしゐ旅館</t>
  </si>
  <si>
    <t>有限会社たきい旅館</t>
  </si>
  <si>
    <t>金乃竹　塔ノ澤</t>
  </si>
  <si>
    <t>キャトルセゾン</t>
  </si>
  <si>
    <t>有限会社山の茶屋</t>
  </si>
  <si>
    <t>福住樓</t>
  </si>
  <si>
    <t>有限会社万石の湯　よきや</t>
  </si>
  <si>
    <t>株式会社環翠楼</t>
  </si>
  <si>
    <t>鶴井の宿　紫雲荘</t>
  </si>
  <si>
    <t>湯本富士屋ホテル</t>
  </si>
  <si>
    <t>ホテルマイユクール祥月</t>
  </si>
  <si>
    <t>有限会社彌榮館</t>
  </si>
  <si>
    <t>玉庭（ぎょくてい）</t>
  </si>
  <si>
    <t>株式会社喜仙荘</t>
  </si>
  <si>
    <t>民宿高杉</t>
  </si>
  <si>
    <t>養生館　はるのひかり</t>
  </si>
  <si>
    <t>あうら橘</t>
  </si>
  <si>
    <t>箱根湯本温泉　月の宿　紗ら</t>
  </si>
  <si>
    <t>仙景プラザ</t>
  </si>
  <si>
    <t>株式会社山家荘</t>
  </si>
  <si>
    <t>仙景</t>
  </si>
  <si>
    <t>株式会社吉池旅館</t>
  </si>
  <si>
    <t>萬寿福旅館</t>
  </si>
  <si>
    <t>有限会社湯本福住</t>
  </si>
  <si>
    <t>和泉館</t>
  </si>
  <si>
    <t>天成園</t>
  </si>
  <si>
    <t>ホテル河鹿荘</t>
  </si>
  <si>
    <t>箱根水明荘</t>
  </si>
  <si>
    <t>見晴荘</t>
  </si>
  <si>
    <t>かっぱ天国別館</t>
  </si>
  <si>
    <t>かっぱ天国</t>
  </si>
  <si>
    <t>箱根路開雲</t>
  </si>
  <si>
    <t>POSADA　すいめい</t>
  </si>
  <si>
    <t>有限会社近江屋旅館</t>
  </si>
  <si>
    <t>ケイズハウス箱根</t>
  </si>
  <si>
    <t>箱根パークス吉野</t>
  </si>
  <si>
    <t>ホテル南風荘</t>
  </si>
  <si>
    <t>静観荘</t>
  </si>
  <si>
    <t>箱根の森　おかだ</t>
  </si>
  <si>
    <t>ホテルおかだ</t>
  </si>
  <si>
    <t>木もれびの宿ふるさと</t>
  </si>
  <si>
    <t>株式会社遊心亭</t>
  </si>
  <si>
    <t>ホテルおくゆもと</t>
  </si>
  <si>
    <t>豊栄荘</t>
  </si>
  <si>
    <t>温泉旅館　湯さか荘</t>
  </si>
  <si>
    <t>伊東園ホテル箱根湯本</t>
  </si>
  <si>
    <t>箱根湯本ホテル</t>
  </si>
  <si>
    <t>仮りの宿　羽衣</t>
  </si>
  <si>
    <t>彫刻の森クラブ</t>
  </si>
  <si>
    <t>ウィスタリアンライフクラブ　ヴェルデの森</t>
  </si>
  <si>
    <t>箱根　弓庵</t>
  </si>
  <si>
    <t>ドッグレストプレイス</t>
  </si>
  <si>
    <t>勝又クラブ箱根保養所</t>
  </si>
  <si>
    <t>箱根強羅　白檀</t>
  </si>
  <si>
    <t>東京都渋谷区立二の平渋谷荘</t>
  </si>
  <si>
    <t>ジェムスティーイン箱根・芦ノ湖</t>
  </si>
  <si>
    <t>芦ノ湖倶楽部</t>
  </si>
  <si>
    <t>アルコバレーノ箱根町ヴィラ</t>
  </si>
  <si>
    <t>匠の宿　佳松</t>
  </si>
  <si>
    <t>民宿多喜</t>
  </si>
  <si>
    <t>箱根ホテル</t>
  </si>
  <si>
    <t>華の宿　ふくや</t>
  </si>
  <si>
    <t>国家公務員共済組合連合会宮の下保養所</t>
  </si>
  <si>
    <t>箱根町芦之湯８</t>
  </si>
  <si>
    <t>箱根町芦之湯９０－６</t>
  </si>
  <si>
    <t>箱根町芦之湯９３</t>
  </si>
  <si>
    <t>箱根町宮ノ下１００－１</t>
  </si>
  <si>
    <t>箱根町宮ノ下１１２－２</t>
  </si>
  <si>
    <t>箱根町宮ノ下１７０</t>
  </si>
  <si>
    <t>箱根町宮ノ下１９０</t>
  </si>
  <si>
    <t>箱根町宮ノ下２８１</t>
  </si>
  <si>
    <t>箱根町宮ノ下362</t>
  </si>
  <si>
    <t>箱根町宮ノ下４１３</t>
  </si>
  <si>
    <t>箱根町宮ノ下416</t>
  </si>
  <si>
    <t>箱根町宮ノ下４６９－１</t>
  </si>
  <si>
    <t>箱根町宮ノ下４７６</t>
  </si>
  <si>
    <t>箱根町宮ノ下４８４</t>
  </si>
  <si>
    <t>箱根町宮ノ下字北畑２１６</t>
  </si>
  <si>
    <t>箱根町宮ノ下蛇骨４２５－１</t>
  </si>
  <si>
    <t>箱根町宮城野２０</t>
  </si>
  <si>
    <t>箱根町宮城野264</t>
  </si>
  <si>
    <t>箱根町宮城野３７４－１</t>
  </si>
  <si>
    <t>箱根町宮城野９２３－２</t>
  </si>
  <si>
    <t>箱根町宮城野１３４８－１</t>
  </si>
  <si>
    <t>箱根町宮城野1355-12</t>
  </si>
  <si>
    <t>箱根町宮城野１３６２－１６</t>
  </si>
  <si>
    <t>箱根町宮城野１３６２－８</t>
  </si>
  <si>
    <t>箱根町宮城野１３９２－５</t>
  </si>
  <si>
    <t>箱根町宮城野１４８４</t>
  </si>
  <si>
    <t>箱根町宮城野１４８８</t>
  </si>
  <si>
    <t>箱根町宮城野字大東6-6</t>
  </si>
  <si>
    <t>箱根町宮城野字小東１６７－１７</t>
  </si>
  <si>
    <t>箱根町宮城野字峯７４８－５</t>
  </si>
  <si>
    <t>箱根町宮城野日影山１３５８－４</t>
  </si>
  <si>
    <t>箱根町強羅１３００</t>
  </si>
  <si>
    <t>箱根町強羅1300</t>
  </si>
  <si>
    <t>箱根町強羅１３００－４</t>
  </si>
  <si>
    <t>箱根町強羅１３００番１１</t>
  </si>
  <si>
    <t>箱根町強羅１３００－１３</t>
  </si>
  <si>
    <t>箱根町強羅１３００－１９</t>
  </si>
  <si>
    <t>箱根町強羅１３００－２０</t>
  </si>
  <si>
    <t>箱根町強羅1300-32</t>
  </si>
  <si>
    <t>箱根町強羅1300-34</t>
  </si>
  <si>
    <t>箱根町強羅1300－70</t>
  </si>
  <si>
    <t>箱根町強羅１３００－７４</t>
  </si>
  <si>
    <t>箱根町強羅１３００－７７</t>
  </si>
  <si>
    <t>箱根町強羅１３００－１１９</t>
  </si>
  <si>
    <t>箱根町強羅1300-126</t>
  </si>
  <si>
    <t>箱根町強羅１３００－１３１</t>
  </si>
  <si>
    <t>箱根町強羅1300-171,-173,-188</t>
  </si>
  <si>
    <t>箱根町強羅１３００－３０１</t>
  </si>
  <si>
    <t>箱根町強羅１３００－４２１</t>
  </si>
  <si>
    <t>箱根町強羅1300-424</t>
  </si>
  <si>
    <t>箱根町強羅１３００－６８１</t>
  </si>
  <si>
    <t>箱根町強羅１３２０</t>
  </si>
  <si>
    <t>箱根町強羅1320</t>
  </si>
  <si>
    <t>箱根町強羅１３２０－２３４</t>
  </si>
  <si>
    <t>箱根町強羅１３２０－２４１</t>
  </si>
  <si>
    <t>箱根町強羅１３２０－２５７</t>
  </si>
  <si>
    <t>箱根町強羅１３２０－２７０</t>
  </si>
  <si>
    <t>箱根町強羅１３２０－２７６</t>
  </si>
  <si>
    <t>箱根町強羅１３２０－４７１</t>
  </si>
  <si>
    <t>箱根町強羅１３２０－５５１</t>
  </si>
  <si>
    <t>箱根町強羅１３２０－５６３</t>
  </si>
  <si>
    <t>箱根町強羅１３２０－５８９</t>
  </si>
  <si>
    <t>箱根町強羅１３２０－５９８</t>
  </si>
  <si>
    <t>箱根町強羅1320-599</t>
  </si>
  <si>
    <t>箱根町強羅1320-615</t>
  </si>
  <si>
    <t>箱根町強羅１３２０-６３４</t>
  </si>
  <si>
    <t>箱根町強羅１３２０－６８</t>
  </si>
  <si>
    <t>箱根町強羅１３２０－７６２</t>
  </si>
  <si>
    <t>箱根町強羅１３２０－８３８</t>
  </si>
  <si>
    <t>箱根町強羅１３２０－８５３</t>
  </si>
  <si>
    <t>箱根町強羅１３２０－８６２</t>
  </si>
  <si>
    <t>箱根町強羅１３２０－８６７</t>
  </si>
  <si>
    <t>箱根町強羅1320-883</t>
  </si>
  <si>
    <t>箱根町強羅１３２０－９０７</t>
  </si>
  <si>
    <t>箱根町強羅１３２０－１０７３</t>
  </si>
  <si>
    <t>箱根町強羅1320-1080</t>
  </si>
  <si>
    <t>箱根町強羅1321-395</t>
  </si>
  <si>
    <t>箱根町強羅１３２２－１２</t>
  </si>
  <si>
    <t>箱根町強羅1322-16</t>
  </si>
  <si>
    <t>箱根町強羅字強羅１３００番４６</t>
  </si>
  <si>
    <t>箱根町強羅字強羅１３００－２１８</t>
  </si>
  <si>
    <t>箱根町強羅字向山１３２０</t>
  </si>
  <si>
    <t>箱根町強羅字向山１３２０－３４</t>
  </si>
  <si>
    <t>箱根町強羅字向山1320-881</t>
  </si>
  <si>
    <t>箱根町元箱根１０３</t>
  </si>
  <si>
    <t>箱根町元箱根１０３－１６、２４</t>
  </si>
  <si>
    <t>箱根町元箱根103-223</t>
  </si>
  <si>
    <t>箱根町元箱根１０３－３８</t>
  </si>
  <si>
    <t>箱根町元箱根１０３－７８</t>
  </si>
  <si>
    <t>箱根町元箱根１０３番地</t>
  </si>
  <si>
    <t>箱根町元箱根１１０</t>
  </si>
  <si>
    <t>箱根町元箱根110-1</t>
  </si>
  <si>
    <t>箱根町元箱根１１０－１０８</t>
  </si>
  <si>
    <t>箱根町元箱根１３４－３</t>
  </si>
  <si>
    <t>箱根町元箱根１３９</t>
  </si>
  <si>
    <t>箱根町元箱根１５９</t>
  </si>
  <si>
    <t>箱根町元箱根１５９－１１７</t>
  </si>
  <si>
    <t>箱根町元箱根159-146</t>
  </si>
  <si>
    <t>箱根町元箱根１５９－１５</t>
  </si>
  <si>
    <t>箱根町元箱根１５９－１５２</t>
  </si>
  <si>
    <t>箱根町元箱根１６０</t>
  </si>
  <si>
    <t>箱根町元箱根１６０－１１４</t>
  </si>
  <si>
    <t>箱根町元箱根１６４</t>
  </si>
  <si>
    <t>箱根町元箱根６４</t>
  </si>
  <si>
    <t>箱根町元箱根８０</t>
  </si>
  <si>
    <t>箱根町元箱根旧札場１５９</t>
  </si>
  <si>
    <t>箱根町元箱根旧札場１５９－１９５、１９６</t>
  </si>
  <si>
    <t>箱根町元箱根字旧札場１５９－２０</t>
  </si>
  <si>
    <t>箱根町元箱根字旧札場１６４</t>
  </si>
  <si>
    <t>箱根町元箱根字大芝１０３－２５０</t>
  </si>
  <si>
    <t>箱根町元箱根字大芝９０－４２</t>
  </si>
  <si>
    <t>箱根町元箱根大芝９０－６３</t>
  </si>
  <si>
    <t>箱根町元箱根蛸川１３８</t>
  </si>
  <si>
    <t>箱根町元箱根蛸川１４４</t>
  </si>
  <si>
    <t>箱根町小涌谷４４９</t>
  </si>
  <si>
    <t>箱根町小涌谷４５０－５</t>
  </si>
  <si>
    <t>箱根町小涌谷４９２－２</t>
  </si>
  <si>
    <t>箱根町小涌谷492-23</t>
  </si>
  <si>
    <t>箱根町小涌谷４９２－４</t>
  </si>
  <si>
    <t>箱根町小涌谷493-48</t>
  </si>
  <si>
    <t>箱根町小涌谷５０７－４</t>
  </si>
  <si>
    <t>箱根町小涌谷５１９－９</t>
  </si>
  <si>
    <t>箱根町小涌谷５２０－３５、４１</t>
  </si>
  <si>
    <t>箱根町小涌谷５２５</t>
  </si>
  <si>
    <t>箱根町小涌谷字四面塔492番24</t>
  </si>
  <si>
    <t>箱根町須雲川２０－１</t>
  </si>
  <si>
    <t>箱根町須雲川２６４</t>
  </si>
  <si>
    <t>箱根町仙石原１１１１</t>
  </si>
  <si>
    <t>箱根町仙石原1117-1</t>
  </si>
  <si>
    <t>箱根町仙石原１１５６－１</t>
  </si>
  <si>
    <t>箱根町仙石原１１８１－１４７</t>
  </si>
  <si>
    <t>箱根町仙石原１２４４－２</t>
  </si>
  <si>
    <t>箱根町仙石原1244-2</t>
  </si>
  <si>
    <t>箱根町仙石原１２４５</t>
  </si>
  <si>
    <t>箱根町仙石原1245</t>
  </si>
  <si>
    <t>箱根町仙石原１２４５－１０</t>
  </si>
  <si>
    <t>箱根町仙石原１２４５-７０３</t>
  </si>
  <si>
    <t>箱根町仙石原１２４５－７３３</t>
  </si>
  <si>
    <t>箱根町仙石原１２４５番地９６</t>
  </si>
  <si>
    <t>箱根町仙石原１２４６</t>
  </si>
  <si>
    <t>箱根町仙石原1246</t>
  </si>
  <si>
    <t>箱根町仙石原１２４６－１０８１</t>
  </si>
  <si>
    <t>箱根町仙石原１２４６－１２５</t>
  </si>
  <si>
    <t>箱根町仙石原１２４６－１４５</t>
  </si>
  <si>
    <t>箱根町仙石原１２４６－１６３</t>
  </si>
  <si>
    <t>箱根町仙石原１２４６－４３１</t>
  </si>
  <si>
    <t>箱根町仙石原１２４６－７４７</t>
  </si>
  <si>
    <t>箱根町仙石原１２４６－８６６</t>
  </si>
  <si>
    <t>箱根町仙石原１２５１</t>
  </si>
  <si>
    <t>箱根町仙石原1283-87</t>
  </si>
  <si>
    <t>箱根町仙石原１２８４</t>
  </si>
  <si>
    <t>箱根町仙石原１２８５</t>
  </si>
  <si>
    <t>箱根町仙石原１２８５－１２</t>
  </si>
  <si>
    <t>箱根町仙石原1285-341</t>
  </si>
  <si>
    <t>箱根町仙石原1285-356</t>
  </si>
  <si>
    <t>箱根町仙石原１２８６－１９</t>
  </si>
  <si>
    <t>箱根町仙石原1290</t>
  </si>
  <si>
    <t>箱根町仙石原１２９０</t>
  </si>
  <si>
    <t>箱根町仙石原１２９０－４５５</t>
  </si>
  <si>
    <t>箱根町仙石原１３８</t>
  </si>
  <si>
    <t>箱根町仙石原１３９</t>
  </si>
  <si>
    <t>箱根町仙石原１６０</t>
  </si>
  <si>
    <t>箱根町仙石原２１</t>
  </si>
  <si>
    <t>箱根町仙石原423-6、1156-11</t>
  </si>
  <si>
    <t>箱根町仙石原６５６－３</t>
  </si>
  <si>
    <t>箱根町仙石原817-195</t>
  </si>
  <si>
    <t>箱根町仙石原８１７－２５３</t>
  </si>
  <si>
    <t>箱根町仙石原８１７－２５５</t>
  </si>
  <si>
    <t>箱根町仙石原８１７－３４２</t>
  </si>
  <si>
    <t>箱根町仙石原８１７－３６４</t>
  </si>
  <si>
    <t>箱根町仙石原８１７番３０</t>
  </si>
  <si>
    <t>箱根町仙石原８３１－１</t>
  </si>
  <si>
    <t>箱根町仙石原８３７－１</t>
  </si>
  <si>
    <t>箱根町仙石原８８５</t>
  </si>
  <si>
    <t>箱根町仙石原９１２</t>
  </si>
  <si>
    <t>箱根町仙石原９２５－１</t>
  </si>
  <si>
    <t>箱根町仙石原９３４－７</t>
  </si>
  <si>
    <t>箱根町仙石原９３７</t>
  </si>
  <si>
    <t>箱根町仙石原940-2</t>
  </si>
  <si>
    <t>箱根町仙石原９４０－４８</t>
  </si>
  <si>
    <t>箱根町仙石原９４３－１２</t>
  </si>
  <si>
    <t>箱根町仙石原イタリ１２４５</t>
  </si>
  <si>
    <t>箱根町仙石原イタリ１２４５－２２０</t>
  </si>
  <si>
    <t>箱根町仙石原イタリ1245-316外７筆</t>
  </si>
  <si>
    <t>箱根町仙石原イタリ１２４５－４４８</t>
  </si>
  <si>
    <t>箱根町仙石原笹尾１０３８-５６</t>
  </si>
  <si>
    <t>箱根町仙石原字イタリ１２４５－１２３外</t>
  </si>
  <si>
    <t>箱根町仙石原字イタリ１２４５－４３２</t>
  </si>
  <si>
    <t>箱根町仙石原字イタリ１２４５－４６</t>
  </si>
  <si>
    <t>箱根町仙石原字笹尾１０３８－３４</t>
  </si>
  <si>
    <t>箱根町仙石原字小屋刈３３５</t>
  </si>
  <si>
    <t>箱根町仙石原字小塚山１２８５－３８２</t>
  </si>
  <si>
    <t>箱根町仙石原字小塚山１２８５－４１７、４１８</t>
  </si>
  <si>
    <t>箱根町仙石原字太郎沢１１０４－１外</t>
  </si>
  <si>
    <t>箱根町仙石原字大井平１２９３</t>
  </si>
  <si>
    <t>箱根町仙石原字六郎兵衛１２４６－８０７</t>
  </si>
  <si>
    <t>箱根町仙石原品ノ木９４０</t>
  </si>
  <si>
    <t>箱根町大平台２９４</t>
  </si>
  <si>
    <t>箱根町大平台３１２</t>
  </si>
  <si>
    <t>箱根町大平台346-1</t>
  </si>
  <si>
    <t>箱根町大平台３８８－１</t>
  </si>
  <si>
    <t>箱根町大平台４４２－１</t>
  </si>
  <si>
    <t>箱根町大平台５３５－１</t>
  </si>
  <si>
    <t>箱根町大平台566-1</t>
  </si>
  <si>
    <t>箱根町大平台５９６</t>
  </si>
  <si>
    <t>箱根町大平台６０１</t>
  </si>
  <si>
    <t>箱根町大平台６１０</t>
  </si>
  <si>
    <t>箱根町大平台６１５</t>
  </si>
  <si>
    <t>箱根町大平台６２１</t>
  </si>
  <si>
    <t>箱根町大平台６３５</t>
  </si>
  <si>
    <t>箱根町大平台６４９</t>
  </si>
  <si>
    <t>箱根町塔ノ澤１９１</t>
  </si>
  <si>
    <t>箱根町塔之沢54-1</t>
  </si>
  <si>
    <t>箱根町塔之澤１２０</t>
  </si>
  <si>
    <t>箱根町塔之澤１７１</t>
  </si>
  <si>
    <t>箱根町塔之澤７４</t>
  </si>
  <si>
    <t>箱根町塔之澤８１</t>
  </si>
  <si>
    <t>箱根町塔之澤８８</t>
  </si>
  <si>
    <t>箱根町塔之澤９０</t>
  </si>
  <si>
    <t>箱根町塔之澤９２－１</t>
  </si>
  <si>
    <t>箱根町湯本２５６－１</t>
  </si>
  <si>
    <t>箱根町湯本４３５</t>
  </si>
  <si>
    <t>箱根町湯本４６８</t>
  </si>
  <si>
    <t>箱根町湯本４８４</t>
  </si>
  <si>
    <t>箱根町湯本５０１</t>
  </si>
  <si>
    <t>箱根町湯本５０９</t>
  </si>
  <si>
    <t>箱根町湯本５１６</t>
  </si>
  <si>
    <t>箱根町湯本５２０－１</t>
  </si>
  <si>
    <t>箱根町湯本５５４</t>
  </si>
  <si>
    <t>箱根町湯本５７４</t>
  </si>
  <si>
    <t>箱根町湯本588-1</t>
  </si>
  <si>
    <t>箱根町湯本５９２</t>
  </si>
  <si>
    <t>箱根町湯本５９７</t>
  </si>
  <si>
    <t>箱根町湯本６３８</t>
  </si>
  <si>
    <t>箱根町湯本６４３</t>
  </si>
  <si>
    <t>箱根町湯本６５５</t>
  </si>
  <si>
    <t>箱根町湯本６５６</t>
  </si>
  <si>
    <t>箱根町湯本６５７</t>
  </si>
  <si>
    <t>箱根町湯本６８２</t>
  </si>
  <si>
    <t>箱根町湯本６８８</t>
  </si>
  <si>
    <t>箱根町湯本７０１</t>
  </si>
  <si>
    <t>箱根町湯本７０６</t>
  </si>
  <si>
    <t>箱根町湯本７７６</t>
  </si>
  <si>
    <t>箱根町湯本７７７</t>
  </si>
  <si>
    <t>箱根町湯本字上町５２１－４</t>
  </si>
  <si>
    <t>箱根町湯本字白石下６９８－１０</t>
  </si>
  <si>
    <t>箱根町湯本茶屋１１６</t>
  </si>
  <si>
    <t>箱根町湯本茶屋12-1</t>
  </si>
  <si>
    <t>箱根町湯本茶屋１３９</t>
  </si>
  <si>
    <t>箱根町湯本茶屋１７９</t>
  </si>
  <si>
    <t>箱根町湯本茶屋19</t>
  </si>
  <si>
    <t>箱根町湯本茶屋１９１</t>
  </si>
  <si>
    <t>箱根町湯本茶屋１９３</t>
  </si>
  <si>
    <t>箱根町湯本茶屋２１１</t>
  </si>
  <si>
    <t>箱根町湯本茶屋２２７</t>
  </si>
  <si>
    <t>箱根町湯本茶屋２３０</t>
  </si>
  <si>
    <t>箱根町湯本茶屋３５</t>
  </si>
  <si>
    <t>箱根町湯本茶屋９５－１</t>
  </si>
  <si>
    <t>箱根町湯本茶屋９７－３、１８４</t>
  </si>
  <si>
    <t>箱根町湯本茶屋字片倉２０５－２</t>
  </si>
  <si>
    <t>箱根町二ノ平１１２１</t>
  </si>
  <si>
    <t>箱根町二ノ平１２７４－８０</t>
  </si>
  <si>
    <t>箱根町二ノ平１２９７－２４８</t>
  </si>
  <si>
    <t>箱根町二ノ平1297-269</t>
  </si>
  <si>
    <t>箱根町二ノ平1297-5</t>
  </si>
  <si>
    <t>箱根町二ノ平字北畑１２０４</t>
  </si>
  <si>
    <t>箱根町箱根164-1番地</t>
  </si>
  <si>
    <t>箱根町箱根２５３－２０</t>
  </si>
  <si>
    <t>箱根町箱根430-26</t>
  </si>
  <si>
    <t>箱根町箱根４３３－４</t>
  </si>
  <si>
    <t>箱根町箱根５２１</t>
  </si>
  <si>
    <t>箱根町箱根５２４－４</t>
  </si>
  <si>
    <t>箱根町箱根６５</t>
  </si>
  <si>
    <t>箱根町箱根字吾妻嶽５７１－１８</t>
  </si>
  <si>
    <t>箱根町木賀１０１４</t>
  </si>
  <si>
    <t>真鶴町岩２１－３</t>
  </si>
  <si>
    <t>真鶴町岩455-15</t>
  </si>
  <si>
    <t>真鶴町岩４５５－１９</t>
  </si>
  <si>
    <t>真鶴町岩４９１</t>
  </si>
  <si>
    <t>真鶴町岩５６２</t>
  </si>
  <si>
    <t>真鶴町岩６０４</t>
  </si>
  <si>
    <t>真鶴町岩６０７</t>
  </si>
  <si>
    <t>真鶴町岩７３２</t>
  </si>
  <si>
    <t>真鶴町岩９５３</t>
  </si>
  <si>
    <t>真鶴町真鶴４３７－６</t>
  </si>
  <si>
    <t>真鶴町真鶴７１４－１４</t>
  </si>
  <si>
    <t>真鶴町真鶴７３０－１</t>
  </si>
  <si>
    <t>真鶴町真鶴７９１－６</t>
  </si>
  <si>
    <t>真鶴町真鶴837</t>
  </si>
  <si>
    <t>真鶴町真鶴８６５</t>
  </si>
  <si>
    <t>真鶴町真鶴９７１－２</t>
  </si>
  <si>
    <t>真鶴町真鶴１０２７</t>
  </si>
  <si>
    <t>真鶴町真鶴１０４６－１</t>
  </si>
  <si>
    <t>真鶴町真鶴１０７７－１</t>
  </si>
  <si>
    <t>真鶴町真鶴１１６２－１</t>
  </si>
  <si>
    <t>湯河原町宮上１３２－３</t>
  </si>
  <si>
    <t>湯河原町宮上１３７－４</t>
  </si>
  <si>
    <t>湯河原町宮上138</t>
  </si>
  <si>
    <t>湯河原町宮上１４８</t>
  </si>
  <si>
    <t>湯河原町宮上１７５</t>
  </si>
  <si>
    <t>湯河原町宮上２２７</t>
  </si>
  <si>
    <t>湯河原町宮上２３４</t>
  </si>
  <si>
    <t>湯河原町宮上２６１</t>
  </si>
  <si>
    <t>湯河原町宮上２７９</t>
  </si>
  <si>
    <t>湯河原町宮上２８１－１</t>
  </si>
  <si>
    <t>湯河原町宮上３６１</t>
  </si>
  <si>
    <t>湯河原町宮上３９８</t>
  </si>
  <si>
    <t>湯河原町宮上４５８</t>
  </si>
  <si>
    <t>湯河原町宮上４８８</t>
  </si>
  <si>
    <t>湯河原町宮上４９５</t>
  </si>
  <si>
    <t>湯河原町宮上５２８</t>
  </si>
  <si>
    <t>湯河原町宮上６１１</t>
  </si>
  <si>
    <t>湯河原町宮上６１４</t>
  </si>
  <si>
    <t>湯河原町宮上６１６</t>
  </si>
  <si>
    <t>湯河原町宮上６２８－１２</t>
  </si>
  <si>
    <t>湯河原町宮上６５６－１</t>
  </si>
  <si>
    <t>湯河原町宮上668</t>
  </si>
  <si>
    <t>湯河原町宮上673</t>
  </si>
  <si>
    <t>湯河原町宮上６７９</t>
  </si>
  <si>
    <t>湯河原町宮上６８３－１８</t>
  </si>
  <si>
    <t>湯河原町宮上６８３－２５</t>
  </si>
  <si>
    <t>湯河原町宮上７１６番地の１</t>
  </si>
  <si>
    <t>湯河原町宮上７１８</t>
  </si>
  <si>
    <t>湯河原町宮上724-168</t>
  </si>
  <si>
    <t>湯河原町宮上７３３－１０</t>
  </si>
  <si>
    <t>湯河原町宮上７３４</t>
  </si>
  <si>
    <t>湯河原町宮上７４９</t>
  </si>
  <si>
    <t>湯河原町宮上７５０－１</t>
  </si>
  <si>
    <t>湯河原町宮上７６０－３３</t>
  </si>
  <si>
    <t>湯河原町宮上７６３</t>
  </si>
  <si>
    <t>湯河原町宮上７７５</t>
  </si>
  <si>
    <t>湯河原町宮上776</t>
  </si>
  <si>
    <t>湯河原町宮上７８４</t>
  </si>
  <si>
    <t>湯河原町宮上７８４－５２</t>
  </si>
  <si>
    <t>湯河原町宮上字シキヲ７７５－２５</t>
  </si>
  <si>
    <t>湯河原町宮上字道下１１６</t>
  </si>
  <si>
    <t>湯河原町宮下６９８</t>
  </si>
  <si>
    <t>湯河原町宮下７０５</t>
  </si>
  <si>
    <t>湯河原町鍛冶屋７７１－４</t>
  </si>
  <si>
    <t>湯河原町鍛冶屋９２３－１２他８筆</t>
  </si>
  <si>
    <t>湯河原町鍛冶屋923-14</t>
  </si>
  <si>
    <t>湯河原町鍛冶屋９２３－３０</t>
  </si>
  <si>
    <t>湯河原町鍛冶屋字向山５１４－１の内、５１４－７</t>
  </si>
  <si>
    <t>湯河原町城堀２０７</t>
  </si>
  <si>
    <t>湯河原町土肥１－８－２</t>
  </si>
  <si>
    <t>湯河原町土肥３－６</t>
  </si>
  <si>
    <t>湯河原町土肥４－１１－１１</t>
  </si>
  <si>
    <t>湯河原町土肥４－１６－１３</t>
  </si>
  <si>
    <t>湯河原町土肥５－４－６</t>
  </si>
  <si>
    <t>湯河原町土肥５－５－１</t>
  </si>
  <si>
    <t>湯河原町土肥５－１５－７</t>
  </si>
  <si>
    <t>湯河原町福浦２３１～２３３－３</t>
  </si>
  <si>
    <t>湯河原町福浦４３７－６</t>
  </si>
  <si>
    <t>湯河原町福浦字里道２３３－３</t>
  </si>
  <si>
    <t>湯河原町門川２３１－１</t>
  </si>
  <si>
    <t>湯河原町門川２６５</t>
  </si>
  <si>
    <t>湯河原町吉浜１８２</t>
  </si>
  <si>
    <t>湯河原町吉浜６４９－１</t>
  </si>
  <si>
    <t>湯河原町吉浜８１２</t>
  </si>
  <si>
    <t>湯河原町吉浜１８９８－１６</t>
  </si>
  <si>
    <t>湯河原町吉浜1905</t>
  </si>
  <si>
    <t>湯河原町吉浜1987-117</t>
  </si>
  <si>
    <t>湯河原町吉浜２０２１－１６５</t>
  </si>
  <si>
    <t>湯河原町吉浜字吾妻坂５２７－１</t>
  </si>
  <si>
    <t>湯河原町吉浜字栗場１９９６－２９</t>
  </si>
  <si>
    <t>箱根小涌園　天悠</t>
  </si>
  <si>
    <t>フィールド箱根リゾート</t>
  </si>
  <si>
    <t>エクシブ湯河原離宮</t>
  </si>
  <si>
    <t>湯もと小町館</t>
  </si>
  <si>
    <t>旅館　まんりょう</t>
  </si>
  <si>
    <t>ふらっと湯河原</t>
  </si>
  <si>
    <t>小田原市本町2-13-5</t>
  </si>
  <si>
    <t>Good Trip Hostel &amp; Bar</t>
  </si>
  <si>
    <t>小田原市栄町2-4-3</t>
  </si>
  <si>
    <t>満天の星</t>
  </si>
  <si>
    <t>LiVEMAX　RESORT　箱根芦ノ湖</t>
  </si>
  <si>
    <t>ホテルフォレスト</t>
  </si>
  <si>
    <t>天然温泉旅館雅竹</t>
  </si>
  <si>
    <t>Roots（ルーツ）</t>
  </si>
  <si>
    <t>TENT apartments</t>
  </si>
  <si>
    <t>まいきゃっと</t>
  </si>
  <si>
    <t>ゲストヴィラ　箱根湯本</t>
  </si>
  <si>
    <t>桐谷箱根荘さくら亭</t>
  </si>
  <si>
    <t>箱根町強羅１３２０－１０６６</t>
  </si>
  <si>
    <t>許可番号</t>
    <rPh sb="0" eb="2">
      <t>キョカ</t>
    </rPh>
    <rPh sb="2" eb="4">
      <t>バンゴウ</t>
    </rPh>
    <phoneticPr fontId="1"/>
  </si>
  <si>
    <t>旅館・ホテル</t>
  </si>
  <si>
    <t>第040351号</t>
  </si>
  <si>
    <t>第040131号</t>
  </si>
  <si>
    <t>第040384号</t>
  </si>
  <si>
    <t>第040740号</t>
  </si>
  <si>
    <t>小田原市栄町2-4-13</t>
  </si>
  <si>
    <t>第040658号</t>
  </si>
  <si>
    <t>第040056号</t>
  </si>
  <si>
    <t>第040322号</t>
  </si>
  <si>
    <t>第040150号</t>
  </si>
  <si>
    <t>第040372号</t>
  </si>
  <si>
    <t>第040041号</t>
  </si>
  <si>
    <t>第040637号</t>
  </si>
  <si>
    <t>第040044号</t>
  </si>
  <si>
    <t>第040436号</t>
  </si>
  <si>
    <t>第040223号</t>
  </si>
  <si>
    <t>第040050号</t>
  </si>
  <si>
    <t>第040565号</t>
  </si>
  <si>
    <t>第040710号</t>
  </si>
  <si>
    <t>Hotelフローレンス小田原</t>
  </si>
  <si>
    <t>小田原市久野546-2</t>
  </si>
  <si>
    <t>第040344号</t>
  </si>
  <si>
    <t>第040254号</t>
  </si>
  <si>
    <t>第040701号</t>
  </si>
  <si>
    <t>minpal（ミンパル）国府津</t>
  </si>
  <si>
    <t>小田原市国府津二丁目1番17号パシフィクオーシャン国府津</t>
  </si>
  <si>
    <t>第040741号</t>
  </si>
  <si>
    <t>小田原市根府川583-2</t>
  </si>
  <si>
    <t>第040724号</t>
  </si>
  <si>
    <t>離れのやど星ヶ山</t>
  </si>
  <si>
    <t>小田原市根府川592</t>
  </si>
  <si>
    <t>第040690号</t>
  </si>
  <si>
    <t>小田原はたご</t>
  </si>
  <si>
    <t>小田原市城山1-13-4</t>
  </si>
  <si>
    <t>第040033号</t>
  </si>
  <si>
    <t>第040300号</t>
  </si>
  <si>
    <t>第040485号</t>
  </si>
  <si>
    <t>第040633号</t>
  </si>
  <si>
    <t>第040691号</t>
  </si>
  <si>
    <t>壱休</t>
  </si>
  <si>
    <t>小田原市早川168番地3号</t>
  </si>
  <si>
    <t>第040506号</t>
  </si>
  <si>
    <t>第040145号</t>
  </si>
  <si>
    <t>第040106号</t>
  </si>
  <si>
    <t>第040522号</t>
  </si>
  <si>
    <t>第040446号</t>
  </si>
  <si>
    <t>第040424号</t>
  </si>
  <si>
    <t>第040345号</t>
  </si>
  <si>
    <t>第040236号</t>
  </si>
  <si>
    <t>第040169号</t>
  </si>
  <si>
    <t>第040076号</t>
  </si>
  <si>
    <t>第040708号</t>
  </si>
  <si>
    <t>マーシャンズHotel　富水</t>
  </si>
  <si>
    <t>小田原市堀之内140-12</t>
  </si>
  <si>
    <t>第040653号</t>
  </si>
  <si>
    <t>Guest house Tsuu</t>
  </si>
  <si>
    <t>小田原市本町2-10-21 3Ｆ</t>
  </si>
  <si>
    <t>第040654号</t>
  </si>
  <si>
    <t>第040123号</t>
  </si>
  <si>
    <t>第040751号</t>
  </si>
  <si>
    <t>真鶴出版２号店</t>
  </si>
  <si>
    <t>真鶴町岩217</t>
  </si>
  <si>
    <t>第040402号</t>
  </si>
  <si>
    <t>第040191号</t>
  </si>
  <si>
    <t>第040337号</t>
  </si>
  <si>
    <t>第040211号</t>
  </si>
  <si>
    <t>第040358号</t>
  </si>
  <si>
    <t>第040368号</t>
  </si>
  <si>
    <t>第040138号</t>
  </si>
  <si>
    <t>第040476号</t>
  </si>
  <si>
    <t>第040684号</t>
  </si>
  <si>
    <t>貸別荘 Costa de la roca</t>
  </si>
  <si>
    <t>真鶴町岩向方627</t>
  </si>
  <si>
    <t>第040671号</t>
  </si>
  <si>
    <t>真鶴町岩字並松869番地の2</t>
  </si>
  <si>
    <t>第040752号</t>
  </si>
  <si>
    <t>真鶴ペンション　アルハンブラ</t>
  </si>
  <si>
    <t>真鶴町真鶴1011-1</t>
  </si>
  <si>
    <t>第040692号</t>
  </si>
  <si>
    <t>真鶴　釈迦堂　民宿　桜荘</t>
  </si>
  <si>
    <t>真鶴町真鶴1012</t>
  </si>
  <si>
    <t>第040243号</t>
  </si>
  <si>
    <t>第040194号</t>
  </si>
  <si>
    <t>第040160号</t>
  </si>
  <si>
    <t>第040703号</t>
  </si>
  <si>
    <t>ロハス　スタジオ　アース館</t>
  </si>
  <si>
    <t>真鶴町真鶴1156-1</t>
  </si>
  <si>
    <t>第040172号</t>
  </si>
  <si>
    <t>第040414号</t>
  </si>
  <si>
    <t>真鶴町真鶴1181</t>
  </si>
  <si>
    <t>第040631号</t>
  </si>
  <si>
    <t>真鶴町真鶴1181-4</t>
  </si>
  <si>
    <t>第040721号</t>
  </si>
  <si>
    <t>伊藤家のつぼ</t>
  </si>
  <si>
    <t>真鶴町真鶴1200-18</t>
  </si>
  <si>
    <t>第040302号</t>
  </si>
  <si>
    <t>真鶴町真鶴１２０７－２０</t>
  </si>
  <si>
    <t>第040558号</t>
  </si>
  <si>
    <t>真鶴町真鶴１２９２</t>
  </si>
  <si>
    <t>第040093号</t>
  </si>
  <si>
    <t>真鶴町真鶴１７７０－１１</t>
  </si>
  <si>
    <t>第040290号</t>
  </si>
  <si>
    <t>真鶴町真鶴１９４７－３１</t>
  </si>
  <si>
    <t>第040206号</t>
  </si>
  <si>
    <t>第040593号</t>
  </si>
  <si>
    <t>第040119号</t>
  </si>
  <si>
    <t>第040217号</t>
  </si>
  <si>
    <t>第040462号</t>
  </si>
  <si>
    <t>ゲストハウス真鶴ヤドカリ852</t>
  </si>
  <si>
    <t>真鶴町真鶴852</t>
  </si>
  <si>
    <t>第040209号</t>
  </si>
  <si>
    <t>第040598号</t>
  </si>
  <si>
    <t>第040320号</t>
  </si>
  <si>
    <t>第040649号</t>
  </si>
  <si>
    <t>第040669号</t>
  </si>
  <si>
    <t>湯河原町吉浜1921-133</t>
  </si>
  <si>
    <t>第040486号</t>
  </si>
  <si>
    <t>第040535号</t>
  </si>
  <si>
    <t>（宗）大山ねずの命神示教会　偉光郷</t>
  </si>
  <si>
    <t>第040214号</t>
  </si>
  <si>
    <t>第040589号</t>
  </si>
  <si>
    <t>第040283号</t>
  </si>
  <si>
    <t>第040309号</t>
  </si>
  <si>
    <t>第040085号</t>
  </si>
  <si>
    <t>第040146号</t>
  </si>
  <si>
    <t>第040536号</t>
  </si>
  <si>
    <t>第040699号</t>
  </si>
  <si>
    <t>シェアハウス湯河原</t>
  </si>
  <si>
    <t>湯河原町宮下698-17</t>
  </si>
  <si>
    <t>第040712号</t>
  </si>
  <si>
    <t>ヴィラ・デル・マーレ　２０１</t>
  </si>
  <si>
    <t>湯河原町宮下698-27</t>
  </si>
  <si>
    <t>第040089号</t>
  </si>
  <si>
    <t>第040365号</t>
  </si>
  <si>
    <t>第040555号</t>
  </si>
  <si>
    <t>第040457号</t>
  </si>
  <si>
    <t>第040526号</t>
  </si>
  <si>
    <t>第040230号</t>
  </si>
  <si>
    <t>第040540号</t>
  </si>
  <si>
    <t>第040262号</t>
  </si>
  <si>
    <t>第040275号</t>
  </si>
  <si>
    <t>第040388号</t>
  </si>
  <si>
    <t>第040376号</t>
  </si>
  <si>
    <t>第040502号</t>
  </si>
  <si>
    <t>第040732号</t>
  </si>
  <si>
    <t>コレドール湯河原</t>
  </si>
  <si>
    <t>湯河原町宮上32-8</t>
  </si>
  <si>
    <t>第040672号</t>
  </si>
  <si>
    <t>湯河原町宮上344</t>
  </si>
  <si>
    <t>第040232号</t>
  </si>
  <si>
    <t>第040645号</t>
  </si>
  <si>
    <t>湯河原町宮上42番</t>
  </si>
  <si>
    <t>第040027号</t>
  </si>
  <si>
    <t>第040035号</t>
  </si>
  <si>
    <t>第040663号</t>
  </si>
  <si>
    <t>湯河原町宮上480-7</t>
  </si>
  <si>
    <t>第040005号</t>
  </si>
  <si>
    <t>第040053号</t>
  </si>
  <si>
    <t>第040479号</t>
  </si>
  <si>
    <t>第040051号</t>
  </si>
  <si>
    <t>第040664号</t>
  </si>
  <si>
    <t>第040714号</t>
  </si>
  <si>
    <t>伊豆屋旅館</t>
  </si>
  <si>
    <t>湯河原町宮上610</t>
  </si>
  <si>
    <t>第040380号</t>
  </si>
  <si>
    <t>第040472号</t>
  </si>
  <si>
    <t>第040006号</t>
  </si>
  <si>
    <t>第040020号</t>
  </si>
  <si>
    <t>第040156号</t>
  </si>
  <si>
    <t>第040661号</t>
  </si>
  <si>
    <t>湯河原町宮上631番地の１</t>
  </si>
  <si>
    <t>第040010号</t>
  </si>
  <si>
    <t>第040408号</t>
  </si>
  <si>
    <t>第040543号</t>
  </si>
  <si>
    <t>第040009号</t>
  </si>
  <si>
    <t>第040515号</t>
  </si>
  <si>
    <t>第040702号</t>
  </si>
  <si>
    <t>離れ　紫葉</t>
  </si>
  <si>
    <t>湯河原町宮上685-2</t>
  </si>
  <si>
    <t>第040582号</t>
  </si>
  <si>
    <t>第040488号</t>
  </si>
  <si>
    <t>第040695号</t>
  </si>
  <si>
    <t>旅館　栞</t>
  </si>
  <si>
    <t>湯河原町宮上718-43</t>
  </si>
  <si>
    <t>第040559号</t>
  </si>
  <si>
    <t>第040266号</t>
  </si>
  <si>
    <t>第040553号</t>
  </si>
  <si>
    <t>第040241号</t>
  </si>
  <si>
    <t>第040038号</t>
  </si>
  <si>
    <t>第040587号</t>
  </si>
  <si>
    <t>第040048号</t>
  </si>
  <si>
    <t>第040153号</t>
  </si>
  <si>
    <t>第040544号</t>
  </si>
  <si>
    <t>第040060号</t>
  </si>
  <si>
    <t>第040096号</t>
  </si>
  <si>
    <t>第040124号</t>
  </si>
  <si>
    <t>第040055号</t>
  </si>
  <si>
    <t>第040342号</t>
  </si>
  <si>
    <t>第040670号</t>
  </si>
  <si>
    <t>湯河原町鍛冶屋572-1</t>
  </si>
  <si>
    <t>第040354号</t>
  </si>
  <si>
    <t>第040350号</t>
  </si>
  <si>
    <t>第040437号</t>
  </si>
  <si>
    <t>第040307号</t>
  </si>
  <si>
    <t>第040578号</t>
  </si>
  <si>
    <t>第040657号</t>
  </si>
  <si>
    <t>湯河原町土肥1-13-3</t>
  </si>
  <si>
    <t>第040224号</t>
  </si>
  <si>
    <t>第040561号</t>
  </si>
  <si>
    <t>第040151号</t>
  </si>
  <si>
    <t>第040072号</t>
  </si>
  <si>
    <t>第040498号</t>
  </si>
  <si>
    <t>第040185号</t>
  </si>
  <si>
    <t>第040288号</t>
  </si>
  <si>
    <t>第040324号</t>
  </si>
  <si>
    <t>第040514号</t>
  </si>
  <si>
    <t>第040115号</t>
  </si>
  <si>
    <t>第040148号</t>
  </si>
  <si>
    <t>第040246号</t>
  </si>
  <si>
    <t>湯河原町門川281</t>
  </si>
  <si>
    <t>第040697号</t>
  </si>
  <si>
    <t>芦ノ湯　２４２ VILLA</t>
  </si>
  <si>
    <t>箱根町芦之湯24-2</t>
  </si>
  <si>
    <t>第040659号</t>
  </si>
  <si>
    <t>松坂屋本店</t>
  </si>
  <si>
    <t>箱根町芦之湯57</t>
  </si>
  <si>
    <t>第040225号</t>
  </si>
  <si>
    <t>第040128号</t>
  </si>
  <si>
    <t>第040383号</t>
  </si>
  <si>
    <t>第040508号</t>
  </si>
  <si>
    <t>第040174号</t>
  </si>
  <si>
    <t>第040023号</t>
  </si>
  <si>
    <t>第040367号</t>
  </si>
  <si>
    <t>第040652号</t>
  </si>
  <si>
    <t>ゲストヴィラ　箱根宮ノ下</t>
  </si>
  <si>
    <t>箱根町宮ノ下341-6</t>
  </si>
  <si>
    <t>第040635号</t>
  </si>
  <si>
    <t>第040022号</t>
  </si>
  <si>
    <t>第040349号</t>
  </si>
  <si>
    <t>第040439号</t>
  </si>
  <si>
    <t>第040545号</t>
  </si>
  <si>
    <t>第040389号</t>
  </si>
  <si>
    <t>第040054号</t>
  </si>
  <si>
    <t>第040121号</t>
  </si>
  <si>
    <t>第040057号</t>
  </si>
  <si>
    <t>第040499号</t>
  </si>
  <si>
    <t>第040407号</t>
  </si>
  <si>
    <t>第040445号</t>
  </si>
  <si>
    <t>第040484号</t>
  </si>
  <si>
    <t>第040596号</t>
  </si>
  <si>
    <t>第040258号</t>
  </si>
  <si>
    <t>第040140号</t>
  </si>
  <si>
    <t>第040279号</t>
  </si>
  <si>
    <t>スバルグループ 箱根保養所 山桜荘</t>
  </si>
  <si>
    <t>箱根町宮城野1488-397</t>
  </si>
  <si>
    <t>第040386号</t>
  </si>
  <si>
    <t>第040413号</t>
  </si>
  <si>
    <t>第040568号</t>
  </si>
  <si>
    <t>第040696号</t>
  </si>
  <si>
    <t>箱根町宮城野527-1</t>
  </si>
  <si>
    <t>第040192号</t>
  </si>
  <si>
    <t>第040393号</t>
  </si>
  <si>
    <t>第040428号</t>
  </si>
  <si>
    <t>第040253号</t>
  </si>
  <si>
    <t>第040460号</t>
  </si>
  <si>
    <t>第040031号</t>
  </si>
  <si>
    <t>第040443号</t>
  </si>
  <si>
    <t>第040562号</t>
  </si>
  <si>
    <t>第040644号</t>
  </si>
  <si>
    <t>第040412号</t>
  </si>
  <si>
    <t>第040216号</t>
  </si>
  <si>
    <t>箱根強羅深山ビラ</t>
  </si>
  <si>
    <t>第040176号</t>
  </si>
  <si>
    <t>第040576号</t>
  </si>
  <si>
    <t>第040421号</t>
  </si>
  <si>
    <t>第040040号</t>
  </si>
  <si>
    <t>第040531号</t>
  </si>
  <si>
    <t>第040451号</t>
  </si>
  <si>
    <t>第040163号</t>
  </si>
  <si>
    <t>第040143号</t>
  </si>
  <si>
    <t>第040435号</t>
  </si>
  <si>
    <t>第040698号</t>
  </si>
  <si>
    <t>別邸　今宵</t>
  </si>
  <si>
    <t>箱根町強羅1300-658</t>
  </si>
  <si>
    <t>第040492号</t>
  </si>
  <si>
    <t>第040501号</t>
  </si>
  <si>
    <t>第040378号</t>
  </si>
  <si>
    <t>第040242号</t>
  </si>
  <si>
    <t>第040569号</t>
  </si>
  <si>
    <t>第040711号</t>
  </si>
  <si>
    <t>強羅温泉　雪月花別邸　翠雲</t>
  </si>
  <si>
    <t>箱根町強羅1300番61</t>
  </si>
  <si>
    <t>第040615号</t>
  </si>
  <si>
    <t>第040021号</t>
  </si>
  <si>
    <t>第040133号</t>
  </si>
  <si>
    <t>第040273号</t>
  </si>
  <si>
    <t>第040327号</t>
  </si>
  <si>
    <t>第040452号</t>
  </si>
  <si>
    <t>第040453号</t>
  </si>
  <si>
    <t>第040493号</t>
  </si>
  <si>
    <t>第040381号</t>
  </si>
  <si>
    <t>第040137号</t>
  </si>
  <si>
    <t>第040542号</t>
  </si>
  <si>
    <t>第040599号</t>
  </si>
  <si>
    <t>第040482号</t>
  </si>
  <si>
    <t>第040674号</t>
  </si>
  <si>
    <t>箱根町強羅1320-247</t>
  </si>
  <si>
    <t>第040588号</t>
  </si>
  <si>
    <t>第040418号</t>
  </si>
  <si>
    <t>第040580号</t>
  </si>
  <si>
    <t>第040284号</t>
  </si>
  <si>
    <t>第040466号</t>
  </si>
  <si>
    <t>第040184号</t>
  </si>
  <si>
    <t>第040245号</t>
  </si>
  <si>
    <t>第040197号</t>
  </si>
  <si>
    <t>第040373号</t>
  </si>
  <si>
    <t>第040455号</t>
  </si>
  <si>
    <t>東急バケーションズ箱根強羅</t>
  </si>
  <si>
    <t>第040624号</t>
  </si>
  <si>
    <t>第040527号</t>
  </si>
  <si>
    <t>第040296号</t>
  </si>
  <si>
    <t>中央ラジオ・テレビ健康保険組合　強羅寮</t>
  </si>
  <si>
    <t>第040577号</t>
  </si>
  <si>
    <t>第040550号</t>
  </si>
  <si>
    <t>第040158号</t>
  </si>
  <si>
    <t>第040597号</t>
  </si>
  <si>
    <t>第040387号</t>
  </si>
  <si>
    <t>第040411号</t>
  </si>
  <si>
    <t>第040271号</t>
  </si>
  <si>
    <t>第040639号</t>
  </si>
  <si>
    <t>第040552号</t>
  </si>
  <si>
    <t>第040641号</t>
  </si>
  <si>
    <t>第040285号</t>
  </si>
  <si>
    <t>第040590号</t>
  </si>
  <si>
    <t>第040092号</t>
  </si>
  <si>
    <t>第040107号</t>
  </si>
  <si>
    <t>第040122号</t>
  </si>
  <si>
    <t>第040256号</t>
  </si>
  <si>
    <t>第040390号</t>
  </si>
  <si>
    <t>第040270号</t>
  </si>
  <si>
    <t>第040364号</t>
  </si>
  <si>
    <t>第040594号</t>
  </si>
  <si>
    <t>第040438号</t>
  </si>
  <si>
    <t>第040244号</t>
  </si>
  <si>
    <t>第040180号</t>
  </si>
  <si>
    <t>第040679号</t>
  </si>
  <si>
    <t>箱根町元箱根103-401</t>
  </si>
  <si>
    <t>第040581号</t>
  </si>
  <si>
    <t>第040560号</t>
  </si>
  <si>
    <t>緑樹山荘</t>
  </si>
  <si>
    <t>第040248号</t>
  </si>
  <si>
    <t>第040423号</t>
  </si>
  <si>
    <t>第040355号</t>
  </si>
  <si>
    <t>第040717号</t>
  </si>
  <si>
    <t>箱根町元箱根110-27</t>
  </si>
  <si>
    <t>第040269号</t>
  </si>
  <si>
    <t>第040252号</t>
  </si>
  <si>
    <t>第040234号</t>
  </si>
  <si>
    <t>第040410号</t>
  </si>
  <si>
    <t>第040395号</t>
  </si>
  <si>
    <t>第040199号</t>
  </si>
  <si>
    <t>第040494号</t>
  </si>
  <si>
    <t>箱根町元箱根159-171</t>
  </si>
  <si>
    <t>第040149号</t>
  </si>
  <si>
    <t>第040338号</t>
  </si>
  <si>
    <t>第040685号</t>
  </si>
  <si>
    <t>箱根・芦ノ湖　はなをり</t>
  </si>
  <si>
    <t>箱根町元箱根１６０番地</t>
  </si>
  <si>
    <t>第040524号</t>
  </si>
  <si>
    <t>第040651号</t>
  </si>
  <si>
    <t>箱根町元箱根53</t>
  </si>
  <si>
    <t>第040541号</t>
  </si>
  <si>
    <t>箱根町元箱根５５</t>
  </si>
  <si>
    <t>第040016号</t>
  </si>
  <si>
    <t>第040117号</t>
  </si>
  <si>
    <t>第040742号</t>
  </si>
  <si>
    <t>箱根別邸</t>
  </si>
  <si>
    <t>箱根町元箱根93-46</t>
  </si>
  <si>
    <t>第040139号</t>
  </si>
  <si>
    <t>第040250号</t>
  </si>
  <si>
    <t>第040116号</t>
  </si>
  <si>
    <t>第040326号</t>
  </si>
  <si>
    <t>第040039号</t>
  </si>
  <si>
    <t>第040189号</t>
  </si>
  <si>
    <t>第040267号</t>
  </si>
  <si>
    <t>第040507号</t>
  </si>
  <si>
    <t>第040111号</t>
  </si>
  <si>
    <t>第040118号</t>
  </si>
  <si>
    <t>第040028号</t>
  </si>
  <si>
    <t>第040709号</t>
  </si>
  <si>
    <t>ウィスタリアンライフクラブ箱根</t>
  </si>
  <si>
    <t>箱根町小涌谷491</t>
  </si>
  <si>
    <t>第040729号</t>
  </si>
  <si>
    <t>宿来宿往・松乃庄</t>
  </si>
  <si>
    <t>箱根町小涌谷491-20フジタ第7マンション304号室</t>
  </si>
  <si>
    <t>第040287号</t>
  </si>
  <si>
    <t>第040440号</t>
  </si>
  <si>
    <t>第040352号</t>
  </si>
  <si>
    <t>第040623号</t>
  </si>
  <si>
    <t>第040463号</t>
  </si>
  <si>
    <t>第040469号</t>
  </si>
  <si>
    <t>第040319号</t>
  </si>
  <si>
    <t>第040304号</t>
  </si>
  <si>
    <t>第040516号</t>
  </si>
  <si>
    <t>第040715号</t>
  </si>
  <si>
    <t>箱根の温泉宿　光沙の森</t>
  </si>
  <si>
    <t>箱根町小涌谷字笛塚443番137</t>
  </si>
  <si>
    <t>第040277号</t>
  </si>
  <si>
    <t>第040086号</t>
  </si>
  <si>
    <t>第040704号</t>
  </si>
  <si>
    <t>箱根茶寮金時</t>
  </si>
  <si>
    <t>箱根町仙石原1095-15</t>
  </si>
  <si>
    <t>第040229号</t>
  </si>
  <si>
    <t>第040444号</t>
  </si>
  <si>
    <t>第040215号</t>
  </si>
  <si>
    <t>第040332号</t>
  </si>
  <si>
    <t>第040298号</t>
  </si>
  <si>
    <t>第040430号</t>
  </si>
  <si>
    <t>第040195号</t>
  </si>
  <si>
    <t>第040346号</t>
  </si>
  <si>
    <t>第040447号</t>
  </si>
  <si>
    <t>第040375号</t>
  </si>
  <si>
    <t>第040431号</t>
  </si>
  <si>
    <t>第040409号</t>
  </si>
  <si>
    <t>第040584号</t>
  </si>
  <si>
    <t>第040147号</t>
  </si>
  <si>
    <t>第040265号</t>
  </si>
  <si>
    <t>第040361号</t>
  </si>
  <si>
    <t>第040480号</t>
  </si>
  <si>
    <t>第040626号</t>
  </si>
  <si>
    <t>第040415号</t>
  </si>
  <si>
    <t>第040396号</t>
  </si>
  <si>
    <t>第040579号</t>
  </si>
  <si>
    <t>第040689号</t>
  </si>
  <si>
    <t>玩主一高・萬春亭</t>
  </si>
  <si>
    <t>箱根町仙石原1246-157</t>
  </si>
  <si>
    <t>第040210号</t>
  </si>
  <si>
    <t>第040586号</t>
  </si>
  <si>
    <t>第040419号</t>
  </si>
  <si>
    <t>第040677号</t>
  </si>
  <si>
    <t>箱根町仙石原1246番地773</t>
  </si>
  <si>
    <t>第040004号</t>
  </si>
  <si>
    <t>第040700号</t>
  </si>
  <si>
    <t>KANAYA RESORT HAKONE</t>
  </si>
  <si>
    <t>箱根町仙石原1251-16</t>
  </si>
  <si>
    <t>第040629号</t>
  </si>
  <si>
    <t>第040018号</t>
  </si>
  <si>
    <t>第040203号</t>
  </si>
  <si>
    <t>第040259号</t>
  </si>
  <si>
    <t>第040471号</t>
  </si>
  <si>
    <t>第040362号</t>
  </si>
  <si>
    <t>第040607号</t>
  </si>
  <si>
    <t>第040382号</t>
  </si>
  <si>
    <t>第040310号</t>
  </si>
  <si>
    <t>第040638号</t>
  </si>
  <si>
    <t>第040416号</t>
  </si>
  <si>
    <t>第040688号</t>
  </si>
  <si>
    <t>OKAMOTO</t>
  </si>
  <si>
    <t>箱根町仙石原132</t>
  </si>
  <si>
    <t>第040356号</t>
  </si>
  <si>
    <t>第040080号</t>
  </si>
  <si>
    <t>第040371号</t>
  </si>
  <si>
    <t>第040325号</t>
  </si>
  <si>
    <t>第040687号</t>
  </si>
  <si>
    <t>司工業株式会社　箱根ロッジ</t>
  </si>
  <si>
    <t>箱根町仙石原333-2</t>
  </si>
  <si>
    <t>第040634号</t>
  </si>
  <si>
    <t>第040660号</t>
  </si>
  <si>
    <t>箱根町仙石原442番地12</t>
  </si>
  <si>
    <t>第040566号</t>
  </si>
  <si>
    <t>第040401号</t>
  </si>
  <si>
    <t>第040571号</t>
  </si>
  <si>
    <t>第040432号</t>
  </si>
  <si>
    <t>第040564号</t>
  </si>
  <si>
    <t>第040686号</t>
  </si>
  <si>
    <t>仙石原　ススキの原一の湯</t>
  </si>
  <si>
    <t>箱根町仙石原817-77</t>
  </si>
  <si>
    <t>第040753号</t>
  </si>
  <si>
    <t>箱根温泉　湯宿　山の省</t>
  </si>
  <si>
    <t>箱根町仙石原817番211</t>
  </si>
  <si>
    <t>第040572号</t>
  </si>
  <si>
    <t>箱根町仙石原８３０番地６</t>
  </si>
  <si>
    <t>第040604号</t>
  </si>
  <si>
    <t>第040473号</t>
  </si>
  <si>
    <t>第040301号</t>
  </si>
  <si>
    <t>第040328号</t>
  </si>
  <si>
    <t>第040532号</t>
  </si>
  <si>
    <t>第040237号</t>
  </si>
  <si>
    <t>第040154号</t>
  </si>
  <si>
    <t>第040442号</t>
  </si>
  <si>
    <t>第040315号</t>
  </si>
  <si>
    <t>第040491号</t>
  </si>
  <si>
    <t>第040071号</t>
  </si>
  <si>
    <t>第040102号</t>
  </si>
  <si>
    <t>第040161号</t>
  </si>
  <si>
    <t>第040648号</t>
  </si>
  <si>
    <t>第040097号</t>
  </si>
  <si>
    <t>第040417号</t>
  </si>
  <si>
    <t>第040377号</t>
  </si>
  <si>
    <t>第040591号</t>
  </si>
  <si>
    <t>第040496号</t>
  </si>
  <si>
    <t>第040226号</t>
  </si>
  <si>
    <t>第040509号</t>
  </si>
  <si>
    <t>第040136号</t>
  </si>
  <si>
    <t>第040066号</t>
  </si>
  <si>
    <t>第040305号</t>
  </si>
  <si>
    <t>第040152号</t>
  </si>
  <si>
    <t>第040177号</t>
  </si>
  <si>
    <t>第040370号</t>
  </si>
  <si>
    <t>第040108号</t>
  </si>
  <si>
    <t>第040339号</t>
  </si>
  <si>
    <t>第040144号</t>
  </si>
  <si>
    <t>第040434号</t>
  </si>
  <si>
    <t>第040666号</t>
  </si>
  <si>
    <t>箱根町大平台386</t>
  </si>
  <si>
    <t>第040343号</t>
  </si>
  <si>
    <t>第040718号</t>
  </si>
  <si>
    <t>unpack</t>
  </si>
  <si>
    <t>箱根町大平台409-4</t>
  </si>
  <si>
    <t>第040747号</t>
  </si>
  <si>
    <t>フジクラ藤山荘</t>
  </si>
  <si>
    <t>箱根町大平台426</t>
  </si>
  <si>
    <t>第040207号</t>
  </si>
  <si>
    <t>第040503号</t>
  </si>
  <si>
    <t>第040621号</t>
  </si>
  <si>
    <t>第040025号</t>
  </si>
  <si>
    <t>第040110号</t>
  </si>
  <si>
    <t>第040094号</t>
  </si>
  <si>
    <t>第040255号</t>
  </si>
  <si>
    <t>第040280号</t>
  </si>
  <si>
    <t>第040100号</t>
  </si>
  <si>
    <t>第040049号</t>
  </si>
  <si>
    <t>第040728号</t>
  </si>
  <si>
    <t>アルコバレーノ大平台</t>
  </si>
  <si>
    <t>第040725号</t>
  </si>
  <si>
    <t>禅</t>
  </si>
  <si>
    <t>箱根町大平台字石原548番2</t>
  </si>
  <si>
    <t>第040570号</t>
  </si>
  <si>
    <t>第040420号</t>
  </si>
  <si>
    <t>第040084号</t>
  </si>
  <si>
    <t>第040034号</t>
  </si>
  <si>
    <t>第040083号</t>
  </si>
  <si>
    <t>第040330号</t>
  </si>
  <si>
    <t>第040007号</t>
  </si>
  <si>
    <t>第040003号</t>
  </si>
  <si>
    <t>第040722号</t>
  </si>
  <si>
    <t>箱根町湯本219-1</t>
  </si>
  <si>
    <t>第040313号</t>
  </si>
  <si>
    <t>第040680号</t>
  </si>
  <si>
    <t>箱根町湯本300-5</t>
  </si>
  <si>
    <t>第040335号</t>
  </si>
  <si>
    <t>第040015号</t>
  </si>
  <si>
    <t>第040713号</t>
  </si>
  <si>
    <t>箱根　藍瑠</t>
  </si>
  <si>
    <t>箱根町湯本499-1</t>
  </si>
  <si>
    <t>第040065号</t>
  </si>
  <si>
    <t>第040130号</t>
  </si>
  <si>
    <t>第040046号</t>
  </si>
  <si>
    <t>旅籠きんとうえん</t>
  </si>
  <si>
    <t>第040079号</t>
  </si>
  <si>
    <t>第040159号</t>
  </si>
  <si>
    <t>第040614号</t>
  </si>
  <si>
    <t>第040011号</t>
  </si>
  <si>
    <t>第040200号</t>
  </si>
  <si>
    <t>第040282号</t>
  </si>
  <si>
    <t>第040082号</t>
  </si>
  <si>
    <t>第040013号</t>
  </si>
  <si>
    <t>第040012号</t>
  </si>
  <si>
    <t>第040222号</t>
  </si>
  <si>
    <t>第040019号</t>
  </si>
  <si>
    <t>第040519号</t>
  </si>
  <si>
    <t>第040331号</t>
  </si>
  <si>
    <t>第040043号</t>
  </si>
  <si>
    <t>第040141号</t>
  </si>
  <si>
    <t>第040289号</t>
  </si>
  <si>
    <t>第040188号</t>
  </si>
  <si>
    <t>第040164号</t>
  </si>
  <si>
    <t>第040333号</t>
  </si>
  <si>
    <t>第040037号</t>
  </si>
  <si>
    <t>第040613号</t>
  </si>
  <si>
    <t>第040186号</t>
  </si>
  <si>
    <t>第040125号</t>
  </si>
  <si>
    <t>第040450号</t>
  </si>
  <si>
    <t>第040127号</t>
  </si>
  <si>
    <t>第040292号</t>
  </si>
  <si>
    <t>第040399号</t>
  </si>
  <si>
    <t>第040026号</t>
  </si>
  <si>
    <t>第040091号</t>
  </si>
  <si>
    <t>第040078号</t>
  </si>
  <si>
    <t>第040554号</t>
  </si>
  <si>
    <t>星野リゾート　界　箱根</t>
  </si>
  <si>
    <t>第040406号</t>
  </si>
  <si>
    <t>第040357号</t>
  </si>
  <si>
    <t>第040748号</t>
  </si>
  <si>
    <t>囲炉裏ゲストハウス　天幕</t>
  </si>
  <si>
    <t>箱根町二ノ平1121</t>
  </si>
  <si>
    <t>第040601号</t>
  </si>
  <si>
    <t>第040523号</t>
  </si>
  <si>
    <t>第040636号</t>
  </si>
  <si>
    <t>第040749号</t>
  </si>
  <si>
    <t>EK House</t>
  </si>
  <si>
    <t>箱根町二ノ平1297番209</t>
  </si>
  <si>
    <t>第040662号</t>
  </si>
  <si>
    <t>箱根町二ノ平1297番地</t>
  </si>
  <si>
    <t>第040074号</t>
  </si>
  <si>
    <t>第040643号</t>
  </si>
  <si>
    <t>第040394号</t>
  </si>
  <si>
    <t>第040616号</t>
  </si>
  <si>
    <t>第040233号</t>
  </si>
  <si>
    <t>第040221号</t>
  </si>
  <si>
    <t>第040268号</t>
  </si>
  <si>
    <t>第040340号</t>
  </si>
  <si>
    <t>第040062号</t>
  </si>
  <si>
    <t>福浦ハウス</t>
    <rPh sb="0" eb="2">
      <t>フクウラ</t>
    </rPh>
    <phoneticPr fontId="1"/>
  </si>
  <si>
    <t>ゲストハウス縁</t>
    <rPh sb="6" eb="7">
      <t>エン</t>
    </rPh>
    <phoneticPr fontId="1"/>
  </si>
  <si>
    <t>東横INN小田原駅東口</t>
    <rPh sb="0" eb="2">
      <t>トウヨコ</t>
    </rPh>
    <rPh sb="5" eb="8">
      <t>オダワラ</t>
    </rPh>
    <rPh sb="8" eb="9">
      <t>エキ</t>
    </rPh>
    <rPh sb="9" eb="11">
      <t>ヒガシグチ</t>
    </rPh>
    <phoneticPr fontId="1"/>
  </si>
  <si>
    <t>湯河原Villa</t>
    <rPh sb="0" eb="3">
      <t>ユガワラ</t>
    </rPh>
    <phoneticPr fontId="1"/>
  </si>
  <si>
    <t>レジーナリゾート箱根仙石原</t>
    <rPh sb="10" eb="13">
      <t>センゴクハラ</t>
    </rPh>
    <phoneticPr fontId="1"/>
  </si>
  <si>
    <t>箱根の宿</t>
  </si>
  <si>
    <t>箱根ビラ</t>
  </si>
  <si>
    <t>箱根板橋Jハウス</t>
  </si>
  <si>
    <t>箱根本箱</t>
    <rPh sb="0" eb="2">
      <t>ハコネ</t>
    </rPh>
    <rPh sb="2" eb="4">
      <t>ホンバコ</t>
    </rPh>
    <phoneticPr fontId="1"/>
  </si>
  <si>
    <t>箱根杜の宿</t>
    <rPh sb="0" eb="2">
      <t>ハコネ</t>
    </rPh>
    <rPh sb="2" eb="3">
      <t>モリ</t>
    </rPh>
    <rPh sb="4" eb="5">
      <t>ヤド</t>
    </rPh>
    <phoneticPr fontId="1"/>
  </si>
  <si>
    <t>トラストメゾン仙石原</t>
    <rPh sb="7" eb="10">
      <t>センゴクハラ</t>
    </rPh>
    <phoneticPr fontId="1"/>
  </si>
  <si>
    <t>ヒルトップ元箱根</t>
    <rPh sb="5" eb="8">
      <t>モトハコネ</t>
    </rPh>
    <phoneticPr fontId="1"/>
  </si>
  <si>
    <t>箱根芦の湖ゲストハウス</t>
    <rPh sb="0" eb="2">
      <t>ハコネ</t>
    </rPh>
    <rPh sb="2" eb="3">
      <t>アシ</t>
    </rPh>
    <rPh sb="4" eb="5">
      <t>ミズウミ</t>
    </rPh>
    <phoneticPr fontId="1"/>
  </si>
  <si>
    <t>塔ノ沢一の湯本館</t>
    <rPh sb="0" eb="1">
      <t>トウ</t>
    </rPh>
    <rPh sb="2" eb="3">
      <t>サワ</t>
    </rPh>
    <rPh sb="6" eb="8">
      <t>ホンカン</t>
    </rPh>
    <phoneticPr fontId="1"/>
  </si>
  <si>
    <t>みやかみの宿</t>
    <rPh sb="5" eb="6">
      <t>ヤド</t>
    </rPh>
    <phoneticPr fontId="1"/>
  </si>
  <si>
    <t>マーシャンズHotel　早川</t>
    <rPh sb="12" eb="14">
      <t>ハヤカワ</t>
    </rPh>
    <phoneticPr fontId="1"/>
  </si>
  <si>
    <t>富士屋旅館</t>
    <rPh sb="0" eb="2">
      <t>フジ</t>
    </rPh>
    <rPh sb="2" eb="3">
      <t>ヤ</t>
    </rPh>
    <rPh sb="3" eb="5">
      <t>リョカン</t>
    </rPh>
    <phoneticPr fontId="1"/>
  </si>
  <si>
    <t>コンドミニアム桜（B9)</t>
    <rPh sb="7" eb="8">
      <t>サクラ</t>
    </rPh>
    <phoneticPr fontId="1"/>
  </si>
  <si>
    <t>第040792号</t>
    <phoneticPr fontId="1"/>
  </si>
  <si>
    <t>箱根ゲストハウスGAKU</t>
    <rPh sb="0" eb="2">
      <t>ハコネ</t>
    </rPh>
    <phoneticPr fontId="1"/>
  </si>
  <si>
    <t>小田原市荻窪３９８－１</t>
    <rPh sb="0" eb="4">
      <t>オダワラシ</t>
    </rPh>
    <rPh sb="4" eb="6">
      <t>オギクボ</t>
    </rPh>
    <phoneticPr fontId="1"/>
  </si>
  <si>
    <t>箱根風雅　Miyabi邸</t>
    <rPh sb="0" eb="2">
      <t>ハコネ</t>
    </rPh>
    <rPh sb="2" eb="4">
      <t>フウガ</t>
    </rPh>
    <rPh sb="11" eb="12">
      <t>テイ</t>
    </rPh>
    <phoneticPr fontId="1"/>
  </si>
  <si>
    <t>第040798号</t>
    <phoneticPr fontId="1"/>
  </si>
  <si>
    <t>楽宿　-強羅-</t>
    <rPh sb="0" eb="1">
      <t>ラク</t>
    </rPh>
    <rPh sb="1" eb="2">
      <t>ヤド</t>
    </rPh>
    <rPh sb="4" eb="6">
      <t>ゴウラ</t>
    </rPh>
    <phoneticPr fontId="1"/>
  </si>
  <si>
    <t>箱根町元箱根１０３番地３５４</t>
    <rPh sb="9" eb="11">
      <t>バンチ</t>
    </rPh>
    <phoneticPr fontId="1"/>
  </si>
  <si>
    <t>第040787号</t>
    <phoneticPr fontId="1"/>
  </si>
  <si>
    <t>サマサマステイ</t>
    <phoneticPr fontId="1"/>
  </si>
  <si>
    <t>小田原市栄町１－１７－３１</t>
    <phoneticPr fontId="1"/>
  </si>
  <si>
    <t>第040769号</t>
    <phoneticPr fontId="1"/>
  </si>
  <si>
    <t>小田原市栄町１－６－７</t>
    <phoneticPr fontId="1"/>
  </si>
  <si>
    <t>第040785号</t>
    <phoneticPr fontId="1"/>
  </si>
  <si>
    <t>小田原市栄町2-11-9　第２中庭ビル</t>
    <phoneticPr fontId="1"/>
  </si>
  <si>
    <t>第040766号</t>
    <phoneticPr fontId="1"/>
  </si>
  <si>
    <t>小田原市栄町２－５－２６</t>
    <phoneticPr fontId="1"/>
  </si>
  <si>
    <t>第040802号</t>
    <phoneticPr fontId="1"/>
  </si>
  <si>
    <t>小田原はたご 　弐番棟</t>
    <rPh sb="8" eb="10">
      <t>ニバン</t>
    </rPh>
    <rPh sb="10" eb="11">
      <t>ムネ</t>
    </rPh>
    <phoneticPr fontId="1"/>
  </si>
  <si>
    <t>第040794号</t>
    <phoneticPr fontId="1"/>
  </si>
  <si>
    <t>はまゆう</t>
    <phoneticPr fontId="1"/>
  </si>
  <si>
    <t>第040789号</t>
    <phoneticPr fontId="1"/>
  </si>
  <si>
    <t>小田原市早川180番地</t>
    <phoneticPr fontId="1"/>
  </si>
  <si>
    <t>第040780号</t>
    <phoneticPr fontId="1"/>
  </si>
  <si>
    <t>湯河原町宮上542</t>
    <phoneticPr fontId="1"/>
  </si>
  <si>
    <t>第040790号</t>
    <phoneticPr fontId="1"/>
  </si>
  <si>
    <t>湯河原町宮上５５７</t>
    <phoneticPr fontId="1"/>
  </si>
  <si>
    <t>第040797号</t>
    <phoneticPr fontId="1"/>
  </si>
  <si>
    <t>第040764号</t>
    <phoneticPr fontId="1"/>
  </si>
  <si>
    <t>湯河原町鍛冶屋192-1</t>
    <phoneticPr fontId="1"/>
  </si>
  <si>
    <t>第040774号</t>
    <phoneticPr fontId="1"/>
  </si>
  <si>
    <t>tresseide</t>
    <phoneticPr fontId="1"/>
  </si>
  <si>
    <t>湯河原町土肥1-16-6</t>
    <phoneticPr fontId="1"/>
  </si>
  <si>
    <t>第040757号</t>
    <phoneticPr fontId="1"/>
  </si>
  <si>
    <t>湯河原町福浦１３８</t>
    <phoneticPr fontId="1"/>
  </si>
  <si>
    <t>第040778号</t>
    <phoneticPr fontId="1"/>
  </si>
  <si>
    <t>箱根町宮城野1345-47</t>
    <phoneticPr fontId="1"/>
  </si>
  <si>
    <t>第040759号</t>
    <phoneticPr fontId="1"/>
  </si>
  <si>
    <t>箱根町宮城野６２６－２</t>
    <phoneticPr fontId="1"/>
  </si>
  <si>
    <t>第040781号</t>
    <phoneticPr fontId="1"/>
  </si>
  <si>
    <t>箱根町宮城野８３３－３</t>
    <phoneticPr fontId="1"/>
  </si>
  <si>
    <t>強羅ホテル　パイプのけむりプラス</t>
    <phoneticPr fontId="1"/>
  </si>
  <si>
    <t>第040779号</t>
    <phoneticPr fontId="1"/>
  </si>
  <si>
    <t>箱根町強羅1320-179</t>
    <phoneticPr fontId="1"/>
  </si>
  <si>
    <t>天翠茶寮</t>
    <phoneticPr fontId="1"/>
  </si>
  <si>
    <t>第040795号</t>
    <phoneticPr fontId="1"/>
  </si>
  <si>
    <t>箱根町強羅１３２０－３８５</t>
    <phoneticPr fontId="1"/>
  </si>
  <si>
    <t>箱根町強羅1320-603</t>
    <phoneticPr fontId="1"/>
  </si>
  <si>
    <t>第040768号</t>
    <phoneticPr fontId="1"/>
  </si>
  <si>
    <t>紬-TSUMUGI-</t>
    <phoneticPr fontId="1"/>
  </si>
  <si>
    <t>箱根町強羅1322-23</t>
    <phoneticPr fontId="1"/>
  </si>
  <si>
    <t>第040777号</t>
    <phoneticPr fontId="1"/>
  </si>
  <si>
    <t>第040754号</t>
    <phoneticPr fontId="1"/>
  </si>
  <si>
    <t>ホテルラクーン</t>
    <phoneticPr fontId="1"/>
  </si>
  <si>
    <t>箱根町元箱根字大芝１０３―２２７</t>
    <phoneticPr fontId="1"/>
  </si>
  <si>
    <t>第040761号</t>
    <phoneticPr fontId="1"/>
  </si>
  <si>
    <t>HOTSPRING HOUSE IN KOWAKUDANI</t>
    <phoneticPr fontId="1"/>
  </si>
  <si>
    <t>箱根町小涌谷字笛塚443番165</t>
    <phoneticPr fontId="1"/>
  </si>
  <si>
    <t>第040783号</t>
    <phoneticPr fontId="1"/>
  </si>
  <si>
    <t>箱根町仙石原１２４５－８８</t>
    <phoneticPr fontId="1"/>
  </si>
  <si>
    <t>第040796号</t>
    <phoneticPr fontId="1"/>
  </si>
  <si>
    <t>第040762号</t>
    <phoneticPr fontId="1"/>
  </si>
  <si>
    <t>第040763号</t>
    <phoneticPr fontId="1"/>
  </si>
  <si>
    <t>Hakone Kunsthaus　（箱根クンストハウス）</t>
    <phoneticPr fontId="1"/>
  </si>
  <si>
    <t>箱根町仙石原1285-455</t>
    <phoneticPr fontId="1"/>
  </si>
  <si>
    <t>第040767号</t>
    <phoneticPr fontId="1"/>
  </si>
  <si>
    <t>カレントUENOYAMA</t>
    <phoneticPr fontId="1"/>
  </si>
  <si>
    <t>箱根町仙石原１８３－１</t>
    <phoneticPr fontId="1"/>
  </si>
  <si>
    <t>プレジール箱根</t>
    <phoneticPr fontId="1"/>
  </si>
  <si>
    <t>第040756号</t>
    <phoneticPr fontId="1"/>
  </si>
  <si>
    <t>箱根町仙石原817-359</t>
    <phoneticPr fontId="1"/>
  </si>
  <si>
    <t>第040760号</t>
    <phoneticPr fontId="1"/>
  </si>
  <si>
    <t>第040770号</t>
    <phoneticPr fontId="1"/>
  </si>
  <si>
    <t>箱根町仙石原字大原８１７－３６０</t>
    <phoneticPr fontId="1"/>
  </si>
  <si>
    <t>第040733号</t>
    <phoneticPr fontId="1"/>
  </si>
  <si>
    <t>箱根町湯本字白石下724番1</t>
    <phoneticPr fontId="1"/>
  </si>
  <si>
    <t>第040758号</t>
    <phoneticPr fontId="1"/>
  </si>
  <si>
    <t>桜コンドミニアム箱根クラブ</t>
    <phoneticPr fontId="1"/>
  </si>
  <si>
    <t>箱根町湯本茶屋２３０－３２</t>
    <phoneticPr fontId="1"/>
  </si>
  <si>
    <t>第040788号</t>
    <phoneticPr fontId="1"/>
  </si>
  <si>
    <t>箱根町湯本茶屋２３０－３２－B９</t>
    <phoneticPr fontId="1"/>
  </si>
  <si>
    <t>第040765号</t>
    <phoneticPr fontId="1"/>
  </si>
  <si>
    <t>Hakone5</t>
    <phoneticPr fontId="1"/>
  </si>
  <si>
    <t>箱根町箱根５７１－３０</t>
    <phoneticPr fontId="1"/>
  </si>
  <si>
    <t>箱根町仙石原１２４６番７５１</t>
    <rPh sb="10" eb="11">
      <t>バン</t>
    </rPh>
    <phoneticPr fontId="1"/>
  </si>
  <si>
    <t>湯河原町宮上６３７番地</t>
    <rPh sb="9" eb="11">
      <t>バンチ</t>
    </rPh>
    <phoneticPr fontId="1"/>
  </si>
  <si>
    <t>小田原市城山1-8-14</t>
    <phoneticPr fontId="1"/>
  </si>
  <si>
    <t>第040803号</t>
    <phoneticPr fontId="1"/>
  </si>
  <si>
    <t>真鶴グランピング＆BBQコテージ　デジャブ</t>
  </si>
  <si>
    <t>真鶴町真鶴1014</t>
    <phoneticPr fontId="1"/>
  </si>
  <si>
    <t>第040806号</t>
    <rPh sb="0" eb="1">
      <t>ダイ</t>
    </rPh>
    <rPh sb="7" eb="8">
      <t>ゴウ</t>
    </rPh>
    <phoneticPr fontId="1"/>
  </si>
  <si>
    <t>箱根町宮城野２３３－４</t>
    <rPh sb="0" eb="3">
      <t>ハコネマチ</t>
    </rPh>
    <phoneticPr fontId="1"/>
  </si>
  <si>
    <t>第040807号</t>
    <rPh sb="0" eb="1">
      <t>ダイ</t>
    </rPh>
    <rPh sb="7" eb="8">
      <t>ゴウ</t>
    </rPh>
    <phoneticPr fontId="1"/>
  </si>
  <si>
    <t>ひるさいどはうす</t>
    <phoneticPr fontId="1"/>
  </si>
  <si>
    <t>真鶴町岩８７３－２４</t>
    <rPh sb="0" eb="2">
      <t>マナヅル</t>
    </rPh>
    <rPh sb="2" eb="3">
      <t>マチ</t>
    </rPh>
    <phoneticPr fontId="1"/>
  </si>
  <si>
    <t>第040808号</t>
    <rPh sb="0" eb="1">
      <t>ダイ</t>
    </rPh>
    <rPh sb="7" eb="8">
      <t>ゴウ</t>
    </rPh>
    <phoneticPr fontId="1"/>
  </si>
  <si>
    <t>翠香苑</t>
    <phoneticPr fontId="1"/>
  </si>
  <si>
    <t>湯河原町宮下６９７－５</t>
    <rPh sb="0" eb="3">
      <t>ユガワラ</t>
    </rPh>
    <rPh sb="3" eb="4">
      <t>マチ</t>
    </rPh>
    <rPh sb="4" eb="6">
      <t>ミヤシタ</t>
    </rPh>
    <phoneticPr fontId="1"/>
  </si>
  <si>
    <t>第040809号</t>
    <rPh sb="0" eb="1">
      <t>ダイ</t>
    </rPh>
    <rPh sb="7" eb="8">
      <t>ゴウ</t>
    </rPh>
    <phoneticPr fontId="1"/>
  </si>
  <si>
    <t>長寿湯　箱根荘</t>
    <phoneticPr fontId="1"/>
  </si>
  <si>
    <t>箱根町仙石原１２４５－７２５</t>
    <rPh sb="0" eb="3">
      <t>ハコネマチ</t>
    </rPh>
    <phoneticPr fontId="1"/>
  </si>
  <si>
    <t>第040810号</t>
    <rPh sb="0" eb="1">
      <t>ダイ</t>
    </rPh>
    <rPh sb="7" eb="8">
      <t>ゴウ</t>
    </rPh>
    <phoneticPr fontId="1"/>
  </si>
  <si>
    <t>箱根リトリート</t>
    <rPh sb="0" eb="2">
      <t>ハコネ</t>
    </rPh>
    <phoneticPr fontId="1"/>
  </si>
  <si>
    <t>ラ クラッセ ドゥ シェネガ</t>
  </si>
  <si>
    <t>アサンテ・イン</t>
  </si>
  <si>
    <t>ＵＮＰＡＣＫ強羅</t>
  </si>
  <si>
    <t>仙石原ススキの原一の湯別館</t>
  </si>
  <si>
    <t>第040813号</t>
    <rPh sb="0" eb="1">
      <t>ダイ</t>
    </rPh>
    <rPh sb="7" eb="8">
      <t>ゴウ</t>
    </rPh>
    <phoneticPr fontId="1"/>
  </si>
  <si>
    <t>第040814号</t>
    <rPh sb="0" eb="1">
      <t>ダイ</t>
    </rPh>
    <rPh sb="7" eb="8">
      <t>ゴウ</t>
    </rPh>
    <phoneticPr fontId="1"/>
  </si>
  <si>
    <t>第040816号</t>
    <rPh sb="0" eb="1">
      <t>ダイ</t>
    </rPh>
    <rPh sb="7" eb="8">
      <t>ゴウ</t>
    </rPh>
    <phoneticPr fontId="1"/>
  </si>
  <si>
    <t>第040817号</t>
    <rPh sb="0" eb="1">
      <t>ダイ</t>
    </rPh>
    <rPh sb="7" eb="8">
      <t>ゴウ</t>
    </rPh>
    <phoneticPr fontId="1"/>
  </si>
  <si>
    <t>箱根町仙石原８１７－１０６</t>
    <phoneticPr fontId="1"/>
  </si>
  <si>
    <t>箱根町宮城野１６７－１０</t>
    <phoneticPr fontId="1"/>
  </si>
  <si>
    <t>箱根町宮城野５８－１１０</t>
    <phoneticPr fontId="1"/>
  </si>
  <si>
    <t>湯河原町吉浜６９</t>
    <phoneticPr fontId="1"/>
  </si>
  <si>
    <t>小田原市板橋209-1</t>
    <phoneticPr fontId="1"/>
  </si>
  <si>
    <t>第040818号</t>
    <rPh sb="0" eb="1">
      <t>ダイ</t>
    </rPh>
    <rPh sb="7" eb="8">
      <t>ゴウ</t>
    </rPh>
    <phoneticPr fontId="1"/>
  </si>
  <si>
    <t>第040822号</t>
    <rPh sb="0" eb="1">
      <t>ダイ</t>
    </rPh>
    <rPh sb="7" eb="8">
      <t>ゴウ</t>
    </rPh>
    <phoneticPr fontId="1"/>
  </si>
  <si>
    <t>第040824号</t>
    <rPh sb="0" eb="1">
      <t>ダイ</t>
    </rPh>
    <rPh sb="7" eb="8">
      <t>ゴウ</t>
    </rPh>
    <phoneticPr fontId="1"/>
  </si>
  <si>
    <t>第040825号</t>
    <rPh sb="0" eb="1">
      <t>ダイ</t>
    </rPh>
    <rPh sb="7" eb="8">
      <t>ゴウ</t>
    </rPh>
    <phoneticPr fontId="1"/>
  </si>
  <si>
    <t>湯河原町吉浜字蓬ヶ平１８９５－９７</t>
    <phoneticPr fontId="1"/>
  </si>
  <si>
    <t>箱根ゆとわ</t>
  </si>
  <si>
    <t>Ｊａｐａｎ　Ｓｔｙｌｅ　佳宵</t>
  </si>
  <si>
    <t>箱根－桃源郷－</t>
  </si>
  <si>
    <t>ＴＨＥ　ＨＩＲＡＭＡＴＳＵ　ＨＯＴＥＬＳ＆ＲＥＳＯＲＴＳ　ＳＥＮＧＯＫＵＨＡＲＡ　ＲＥＳＩＤＥＮＳ</t>
  </si>
  <si>
    <t>芦ノ湖　Ｖｉｌｌａ　Ｒｏｓｓｏ</t>
  </si>
  <si>
    <t>箱根町強羅１３００－２７，－２８，－２９，－２１６</t>
    <phoneticPr fontId="1"/>
  </si>
  <si>
    <t>箱根町仙石原字イタリ１２４５－３１９，－３２０，－３３３，－３３４</t>
    <phoneticPr fontId="1"/>
  </si>
  <si>
    <t>箱根町宮城野１６７－１３</t>
    <phoneticPr fontId="1"/>
  </si>
  <si>
    <t>箱根町箱根５７２－８６</t>
    <phoneticPr fontId="1"/>
  </si>
  <si>
    <t>センチュリオン箱根別邸</t>
    <rPh sb="7" eb="9">
      <t>ハコネ</t>
    </rPh>
    <rPh sb="9" eb="11">
      <t>ベッテイ</t>
    </rPh>
    <phoneticPr fontId="1"/>
  </si>
  <si>
    <t>第040823号</t>
    <rPh sb="0" eb="1">
      <t>ダイ</t>
    </rPh>
    <rPh sb="7" eb="8">
      <t>ゴウ</t>
    </rPh>
    <phoneticPr fontId="1"/>
  </si>
  <si>
    <t>第040826号</t>
    <rPh sb="0" eb="1">
      <t>ダイ</t>
    </rPh>
    <rPh sb="7" eb="8">
      <t>ゴウ</t>
    </rPh>
    <phoneticPr fontId="1"/>
  </si>
  <si>
    <t>第040828号</t>
    <rPh sb="0" eb="1">
      <t>ダイ</t>
    </rPh>
    <rPh sb="7" eb="8">
      <t>ゴウ</t>
    </rPh>
    <phoneticPr fontId="1"/>
  </si>
  <si>
    <t>第040829号</t>
    <rPh sb="0" eb="1">
      <t>ダイ</t>
    </rPh>
    <rPh sb="7" eb="8">
      <t>ゴウ</t>
    </rPh>
    <phoneticPr fontId="1"/>
  </si>
  <si>
    <t>第040831号</t>
    <rPh sb="0" eb="1">
      <t>ダイ</t>
    </rPh>
    <rPh sb="7" eb="8">
      <t>ゴウ</t>
    </rPh>
    <phoneticPr fontId="1"/>
  </si>
  <si>
    <t>第040832号</t>
    <rPh sb="0" eb="1">
      <t>ダイ</t>
    </rPh>
    <rPh sb="7" eb="8">
      <t>ゴウ</t>
    </rPh>
    <phoneticPr fontId="1"/>
  </si>
  <si>
    <t>第040834号</t>
    <rPh sb="0" eb="1">
      <t>ダイ</t>
    </rPh>
    <rPh sb="7" eb="8">
      <t>ゴウ</t>
    </rPh>
    <phoneticPr fontId="1"/>
  </si>
  <si>
    <t>第040835号</t>
    <rPh sb="0" eb="1">
      <t>ダイ</t>
    </rPh>
    <rPh sb="7" eb="8">
      <t>ゴウ</t>
    </rPh>
    <phoneticPr fontId="1"/>
  </si>
  <si>
    <t>小田原市根府川５８３番地１</t>
  </si>
  <si>
    <t>仙石原倶楽部</t>
  </si>
  <si>
    <t>満来箱根山荘</t>
  </si>
  <si>
    <t>Ｃｏｎｄｏｍｉｎｉｕｍ　ＭＩＲＡＨＡＫＯＮＥ</t>
  </si>
  <si>
    <t>Ｍｅｇｕ</t>
  </si>
  <si>
    <t>ＳＴＡＧＩＯＮＥ箱根湯本ＥＡＳＴ</t>
  </si>
  <si>
    <t>ＳＴＡＧＩＯＮＥ箱根湯本ＷＥＳＴ</t>
  </si>
  <si>
    <t>箱根町仙石原１２８５－３４５</t>
  </si>
  <si>
    <t>箱根町仙石原１２８５－３５８</t>
  </si>
  <si>
    <t>箱根町湯本４６２－１７</t>
  </si>
  <si>
    <t>箱根町強羅１３２０－８３６</t>
  </si>
  <si>
    <t>箱根町湯本字神明町３２７－１</t>
  </si>
  <si>
    <t>簡易宿所</t>
    <phoneticPr fontId="1"/>
  </si>
  <si>
    <t>第040833号</t>
    <rPh sb="0" eb="1">
      <t>ダイ</t>
    </rPh>
    <rPh sb="7" eb="8">
      <t>ゴウ</t>
    </rPh>
    <phoneticPr fontId="1"/>
  </si>
  <si>
    <t>第040836号</t>
    <rPh sb="0" eb="1">
      <t>ダイ</t>
    </rPh>
    <rPh sb="7" eb="8">
      <t>ゴウ</t>
    </rPh>
    <phoneticPr fontId="1"/>
  </si>
  <si>
    <t>第040838号</t>
    <rPh sb="0" eb="1">
      <t>ダイ</t>
    </rPh>
    <rPh sb="7" eb="8">
      <t>ゴウ</t>
    </rPh>
    <phoneticPr fontId="1"/>
  </si>
  <si>
    <t>第040839号</t>
    <rPh sb="0" eb="1">
      <t>ダイ</t>
    </rPh>
    <rPh sb="7" eb="8">
      <t>ゴウ</t>
    </rPh>
    <phoneticPr fontId="1"/>
  </si>
  <si>
    <t>第040840号</t>
    <rPh sb="0" eb="1">
      <t>ダイ</t>
    </rPh>
    <rPh sb="7" eb="8">
      <t>ゴウ</t>
    </rPh>
    <phoneticPr fontId="1"/>
  </si>
  <si>
    <t>第040841号</t>
    <rPh sb="0" eb="1">
      <t>ダイ</t>
    </rPh>
    <rPh sb="7" eb="8">
      <t>ゴウ</t>
    </rPh>
    <phoneticPr fontId="1"/>
  </si>
  <si>
    <t>第040837号</t>
    <rPh sb="0" eb="1">
      <t>ダイ</t>
    </rPh>
    <rPh sb="7" eb="8">
      <t>ゴウ</t>
    </rPh>
    <phoneticPr fontId="1"/>
  </si>
  <si>
    <t>磯風荘</t>
  </si>
  <si>
    <t>マグノリア箱根ビラ</t>
  </si>
  <si>
    <t>牛なべ　右近</t>
  </si>
  <si>
    <t>ＢＯＳＣＡＧＥ　ｋａｒｉｙａ</t>
  </si>
  <si>
    <t>ＭＥＩＢＩ　箱根湯本</t>
  </si>
  <si>
    <t>ＥＫ　Ｈｏｕｓｅ　清風荘</t>
  </si>
  <si>
    <t>旅館・ホテル</t>
    <phoneticPr fontId="1"/>
  </si>
  <si>
    <t>真鶴町岩２３－１</t>
    <phoneticPr fontId="1"/>
  </si>
  <si>
    <t>箱根町仙石原５７１－４，－５，－６</t>
    <phoneticPr fontId="1"/>
  </si>
  <si>
    <t>箱根町湯本茶屋１８５－５</t>
    <phoneticPr fontId="1"/>
  </si>
  <si>
    <t>箱根町仙石原１２８５－３５</t>
    <phoneticPr fontId="1"/>
  </si>
  <si>
    <t>湯河原町宮上６８３－２，－３</t>
    <phoneticPr fontId="1"/>
  </si>
  <si>
    <t>箱根町湯本２００－２２</t>
    <phoneticPr fontId="1"/>
  </si>
  <si>
    <t>箱根町仙石原１２４６－５２８</t>
    <phoneticPr fontId="1"/>
  </si>
  <si>
    <t>日乃出旅館</t>
    <phoneticPr fontId="1"/>
  </si>
  <si>
    <t>Ｏｄａｗａｒａ　＆　Ｈａｋｏｎｅ　ｐｒｉｖａｔｅ　ｈｏｕｓｅ</t>
    <phoneticPr fontId="1"/>
  </si>
  <si>
    <t>第040843号</t>
    <rPh sb="0" eb="1">
      <t>ダイ</t>
    </rPh>
    <rPh sb="7" eb="8">
      <t>ゴウ</t>
    </rPh>
    <phoneticPr fontId="1"/>
  </si>
  <si>
    <t>第040844号</t>
    <rPh sb="0" eb="1">
      <t>ダイ</t>
    </rPh>
    <rPh sb="7" eb="8">
      <t>ゴウ</t>
    </rPh>
    <phoneticPr fontId="1"/>
  </si>
  <si>
    <t>第040845号</t>
    <rPh sb="0" eb="1">
      <t>ダイ</t>
    </rPh>
    <rPh sb="7" eb="8">
      <t>ゴウ</t>
    </rPh>
    <phoneticPr fontId="1"/>
  </si>
  <si>
    <t>底倉の湯　つたや旅館</t>
  </si>
  <si>
    <t>ゲストヴィラ箱根湯本　ＲｉｖｅｒＳｉｄｅ</t>
  </si>
  <si>
    <t>三輪　湯河原</t>
  </si>
  <si>
    <t>箱根町底倉２４０－１</t>
    <phoneticPr fontId="1"/>
  </si>
  <si>
    <t>箱根町湯本２００－２３</t>
    <phoneticPr fontId="1"/>
  </si>
  <si>
    <t>湯河原町宮上２０６</t>
    <phoneticPr fontId="1"/>
  </si>
  <si>
    <t>第040847号</t>
    <rPh sb="0" eb="1">
      <t>ダイ</t>
    </rPh>
    <rPh sb="7" eb="8">
      <t>ゴウ</t>
    </rPh>
    <phoneticPr fontId="1"/>
  </si>
  <si>
    <t>第040848号</t>
    <rPh sb="0" eb="1">
      <t>ダイ</t>
    </rPh>
    <rPh sb="7" eb="8">
      <t>ゴウ</t>
    </rPh>
    <phoneticPr fontId="1"/>
  </si>
  <si>
    <t>第040850号</t>
    <rPh sb="0" eb="1">
      <t>ダイ</t>
    </rPh>
    <rPh sb="7" eb="8">
      <t>ゴウ</t>
    </rPh>
    <phoneticPr fontId="1"/>
  </si>
  <si>
    <t>第040851号</t>
    <rPh sb="0" eb="1">
      <t>ダイ</t>
    </rPh>
    <rPh sb="7" eb="8">
      <t>ゴウ</t>
    </rPh>
    <phoneticPr fontId="1"/>
  </si>
  <si>
    <t>第040853号</t>
    <rPh sb="0" eb="1">
      <t>ダイ</t>
    </rPh>
    <rPh sb="7" eb="8">
      <t>ゴウ</t>
    </rPh>
    <phoneticPr fontId="1"/>
  </si>
  <si>
    <t>第040854号</t>
    <rPh sb="0" eb="1">
      <t>ダイ</t>
    </rPh>
    <rPh sb="7" eb="8">
      <t>ゴウ</t>
    </rPh>
    <phoneticPr fontId="1"/>
  </si>
  <si>
    <t>第040855号</t>
    <rPh sb="0" eb="1">
      <t>ダイ</t>
    </rPh>
    <rPh sb="7" eb="8">
      <t>ゴウ</t>
    </rPh>
    <phoneticPr fontId="1"/>
  </si>
  <si>
    <t>箱根・芦ノ湖セミナーハウス</t>
  </si>
  <si>
    <t>箱根ＬＥＯＮ</t>
  </si>
  <si>
    <t>アルコバレーノ風祭ｕｎｏ</t>
  </si>
  <si>
    <t>小田原市風祭９－１</t>
  </si>
  <si>
    <t>自遊人の宿</t>
  </si>
  <si>
    <t>グラン　テラス　ル　リアン　箱根</t>
  </si>
  <si>
    <t>坐樂閑</t>
  </si>
  <si>
    <t>Ｙ’ｓ　ＩＮＮ　箱根湯本</t>
  </si>
  <si>
    <t>Ｇｏｒａ　Ｐａｒｋ　Ｓｉｄｅ　Ｃａｂｉｎ</t>
  </si>
  <si>
    <t>箱根町箱根５７１番地１４</t>
    <phoneticPr fontId="1"/>
  </si>
  <si>
    <t>箱根町小涌谷４４３－１７１</t>
    <phoneticPr fontId="1"/>
  </si>
  <si>
    <t>箱根町湯本６４２－１</t>
    <phoneticPr fontId="1"/>
  </si>
  <si>
    <t>箱根町湯本４６２－１４</t>
    <phoneticPr fontId="1"/>
  </si>
  <si>
    <t>箱根町強羅１３００－４５</t>
    <phoneticPr fontId="1"/>
  </si>
  <si>
    <t>No</t>
    <phoneticPr fontId="1"/>
  </si>
  <si>
    <t>第040856号</t>
    <phoneticPr fontId="1"/>
  </si>
  <si>
    <t>第040857号</t>
  </si>
  <si>
    <t>第040860号</t>
    <phoneticPr fontId="1"/>
  </si>
  <si>
    <t>第040861号</t>
  </si>
  <si>
    <t>ＢＬＥＮＤ　ＳＥＡ　ＣＡＢＩＮ</t>
  </si>
  <si>
    <t>小田原市国府津２－６－７</t>
  </si>
  <si>
    <t>アルコバレーノ風祭ｄｕｅ</t>
  </si>
  <si>
    <t>縁－Ｅｎｉｓｈｉ－</t>
  </si>
  <si>
    <t>ホテルインディゴ箱根強羅</t>
  </si>
  <si>
    <t>強羅テラス</t>
  </si>
  <si>
    <t>箱根町大平台３２９</t>
    <phoneticPr fontId="1"/>
  </si>
  <si>
    <t>箱根町木賀９２４－１</t>
    <phoneticPr fontId="1"/>
  </si>
  <si>
    <t>箱根町二ノ平字山神１２５７番地</t>
    <phoneticPr fontId="1"/>
  </si>
  <si>
    <t>第040863号</t>
    <rPh sb="0" eb="1">
      <t>ダイ</t>
    </rPh>
    <rPh sb="7" eb="8">
      <t>ゴウ</t>
    </rPh>
    <phoneticPr fontId="1"/>
  </si>
  <si>
    <t>第040864号</t>
    <rPh sb="0" eb="1">
      <t>ダイ</t>
    </rPh>
    <rPh sb="7" eb="8">
      <t>ゴウ</t>
    </rPh>
    <phoneticPr fontId="1"/>
  </si>
  <si>
    <t>第040866号</t>
    <rPh sb="0" eb="1">
      <t>ダイ</t>
    </rPh>
    <rPh sb="7" eb="8">
      <t>ゴウ</t>
    </rPh>
    <phoneticPr fontId="1"/>
  </si>
  <si>
    <t>愛花夢・小田原</t>
  </si>
  <si>
    <t>アルコバレーノ風祭ｔｒｅ</t>
  </si>
  <si>
    <t>小田原市早川３－２５－１</t>
  </si>
  <si>
    <t>箱根町強羅１３２２－３６</t>
    <phoneticPr fontId="1"/>
  </si>
  <si>
    <t>紫陽花</t>
  </si>
  <si>
    <t>雅・芦ノ湖</t>
  </si>
  <si>
    <t>箱根強羅内観研修所</t>
  </si>
  <si>
    <t>ゲストハウスＦＩＶＥ　ＤＯＯＲ＇Ｓ</t>
  </si>
  <si>
    <t>ＶＩＬＬＡ　ＨＡＫＯＮＥ　ＳＴＡＧＥ</t>
  </si>
  <si>
    <t>ＵＮＰＡＣＫ箱根湯本</t>
  </si>
  <si>
    <t>箱根九九湖畔荘</t>
  </si>
  <si>
    <t>第040862号</t>
    <phoneticPr fontId="1"/>
  </si>
  <si>
    <t>第040865号</t>
    <phoneticPr fontId="1"/>
  </si>
  <si>
    <t>第040867号</t>
    <phoneticPr fontId="1"/>
  </si>
  <si>
    <t>第040869号</t>
  </si>
  <si>
    <t>第040859号</t>
    <phoneticPr fontId="1"/>
  </si>
  <si>
    <t>第040870号</t>
    <phoneticPr fontId="1"/>
  </si>
  <si>
    <t>第040872号</t>
    <phoneticPr fontId="1"/>
  </si>
  <si>
    <t>箱根町強羅１３２０－６５３</t>
    <phoneticPr fontId="1"/>
  </si>
  <si>
    <t>箱根町箱根３０８番</t>
    <phoneticPr fontId="1"/>
  </si>
  <si>
    <t>箱根町強羅１３００－７２</t>
    <phoneticPr fontId="1"/>
  </si>
  <si>
    <t>箱根町湯本１１８－１</t>
    <phoneticPr fontId="1"/>
  </si>
  <si>
    <t>箱根町元箱根１６０－３４</t>
    <phoneticPr fontId="1"/>
  </si>
  <si>
    <t>箱根町湯本４２３－３</t>
    <phoneticPr fontId="1"/>
  </si>
  <si>
    <t>箱根町箱根３２２－２</t>
    <phoneticPr fontId="1"/>
  </si>
  <si>
    <t>箱根町強羅1320-920</t>
    <phoneticPr fontId="1"/>
  </si>
  <si>
    <t>第040877号</t>
    <rPh sb="0" eb="1">
      <t>ダイ</t>
    </rPh>
    <rPh sb="7" eb="8">
      <t>ゴウ</t>
    </rPh>
    <phoneticPr fontId="1"/>
  </si>
  <si>
    <t>第040878号</t>
    <rPh sb="0" eb="1">
      <t>ダイ</t>
    </rPh>
    <rPh sb="7" eb="8">
      <t>ゴウ</t>
    </rPh>
    <phoneticPr fontId="1"/>
  </si>
  <si>
    <t>第040879号</t>
    <rPh sb="0" eb="1">
      <t>ダイ</t>
    </rPh>
    <rPh sb="7" eb="8">
      <t>ゴウ</t>
    </rPh>
    <phoneticPr fontId="1"/>
  </si>
  <si>
    <t>第040882号</t>
    <rPh sb="0" eb="1">
      <t>ダイ</t>
    </rPh>
    <rPh sb="7" eb="8">
      <t>ゴウ</t>
    </rPh>
    <phoneticPr fontId="1"/>
  </si>
  <si>
    <t>第040883号</t>
    <rPh sb="0" eb="1">
      <t>ダイ</t>
    </rPh>
    <rPh sb="7" eb="8">
      <t>ゴウ</t>
    </rPh>
    <phoneticPr fontId="1"/>
  </si>
  <si>
    <t>トラストメゾン箱根仙石原</t>
  </si>
  <si>
    <t>小田原市栄町１－１９－１４</t>
  </si>
  <si>
    <t>Ｔｒｉｐ７　箱根仙石原温泉ホテル</t>
  </si>
  <si>
    <t>ＲｏｈｅＮ</t>
  </si>
  <si>
    <t>箱根町仙石原３８７－６</t>
    <phoneticPr fontId="1"/>
  </si>
  <si>
    <t>湯河原町宮上７１２－９</t>
    <phoneticPr fontId="1"/>
  </si>
  <si>
    <t>箱根町仙石原１２４５－３２５</t>
    <phoneticPr fontId="1"/>
  </si>
  <si>
    <t>箱根町元箱根１０６</t>
    <phoneticPr fontId="1"/>
  </si>
  <si>
    <t>有限会社ますとみ旅館</t>
    <phoneticPr fontId="1"/>
  </si>
  <si>
    <t>雅．小涌谷</t>
    <phoneticPr fontId="1"/>
  </si>
  <si>
    <t>箱根町小涌谷４４３－１４５</t>
    <rPh sb="0" eb="3">
      <t>ハコネマチ</t>
    </rPh>
    <phoneticPr fontId="1"/>
  </si>
  <si>
    <t>第040884号</t>
    <rPh sb="0" eb="1">
      <t>ダイ</t>
    </rPh>
    <rPh sb="7" eb="8">
      <t>ゴウ</t>
    </rPh>
    <phoneticPr fontId="1"/>
  </si>
  <si>
    <t>箱根町宮城野８２０番地</t>
    <rPh sb="0" eb="3">
      <t>ハコネマチ</t>
    </rPh>
    <phoneticPr fontId="1"/>
  </si>
  <si>
    <t>第040885号</t>
    <rPh sb="0" eb="1">
      <t>ダイ</t>
    </rPh>
    <rPh sb="7" eb="8">
      <t>ゴウ</t>
    </rPh>
    <phoneticPr fontId="1"/>
  </si>
  <si>
    <t>Ｓａｋｕｒａ－Ｖｉｌｌａ</t>
    <phoneticPr fontId="1"/>
  </si>
  <si>
    <t>箱根町小涌谷４４３番地１４３</t>
    <rPh sb="0" eb="3">
      <t>ハコネマチ</t>
    </rPh>
    <phoneticPr fontId="1"/>
  </si>
  <si>
    <t>第040886号</t>
    <rPh sb="0" eb="1">
      <t>ダイ</t>
    </rPh>
    <rPh sb="7" eb="8">
      <t>ゴウ</t>
    </rPh>
    <phoneticPr fontId="1"/>
  </si>
  <si>
    <t>流星館</t>
    <phoneticPr fontId="1"/>
  </si>
  <si>
    <t>住処　－ｙｕｇａｗａｒａ－</t>
    <phoneticPr fontId="1"/>
  </si>
  <si>
    <t>楽宿　日影山</t>
    <phoneticPr fontId="1"/>
  </si>
  <si>
    <t>箱根町宮城野１３５８－１７</t>
    <rPh sb="0" eb="3">
      <t>ハコネマチ</t>
    </rPh>
    <phoneticPr fontId="1"/>
  </si>
  <si>
    <t>第040887号</t>
    <rPh sb="0" eb="1">
      <t>ダイ</t>
    </rPh>
    <rPh sb="7" eb="8">
      <t>ゴウ</t>
    </rPh>
    <phoneticPr fontId="1"/>
  </si>
  <si>
    <t>ホテル仙石原５３３</t>
    <phoneticPr fontId="1"/>
  </si>
  <si>
    <t>箱根町仙石原５３３－５１</t>
    <rPh sb="0" eb="3">
      <t>ハコネマチ</t>
    </rPh>
    <phoneticPr fontId="1"/>
  </si>
  <si>
    <t>第040888号</t>
    <rPh sb="0" eb="1">
      <t>ダイ</t>
    </rPh>
    <rPh sb="7" eb="8">
      <t>ゴウ</t>
    </rPh>
    <phoneticPr fontId="1"/>
  </si>
  <si>
    <t>富士屋ホテル</t>
    <phoneticPr fontId="1"/>
  </si>
  <si>
    <t>箱根町宮ノ下３５９</t>
    <rPh sb="0" eb="3">
      <t>ハコネマチ</t>
    </rPh>
    <phoneticPr fontId="1"/>
  </si>
  <si>
    <t>第040889号</t>
    <rPh sb="0" eb="1">
      <t>ダイ</t>
    </rPh>
    <rPh sb="7" eb="8">
      <t>ゴウ</t>
    </rPh>
    <phoneticPr fontId="1"/>
  </si>
  <si>
    <t>Ｌｉｍｅ　Ｒｅｓｏｒｔ　Ｈａｋｏｎｅ</t>
    <phoneticPr fontId="1"/>
  </si>
  <si>
    <t>箱根町仙石原１２４６－８４５</t>
    <rPh sb="0" eb="3">
      <t>ハコネマチ</t>
    </rPh>
    <phoneticPr fontId="1"/>
  </si>
  <si>
    <t>第040871号</t>
    <rPh sb="0" eb="1">
      <t>ダイ</t>
    </rPh>
    <rPh sb="7" eb="8">
      <t>ゴウ</t>
    </rPh>
    <phoneticPr fontId="1"/>
  </si>
  <si>
    <t>箱根ゲストハウスｔｏｉ</t>
    <phoneticPr fontId="1"/>
  </si>
  <si>
    <t>箱根町宮ノ下２７８－１</t>
    <rPh sb="0" eb="3">
      <t>ハコネマチ</t>
    </rPh>
    <phoneticPr fontId="1"/>
  </si>
  <si>
    <t>第040890号</t>
    <rPh sb="0" eb="1">
      <t>ダイ</t>
    </rPh>
    <rPh sb="7" eb="8">
      <t>ゴウ</t>
    </rPh>
    <phoneticPr fontId="1"/>
  </si>
  <si>
    <t>Ｔｏｙ　Ｂｒｉｃｋｓ　＆　Ｂｏｏｋｓ</t>
    <phoneticPr fontId="1"/>
  </si>
  <si>
    <t>真鶴町真鶴４８５－６</t>
    <rPh sb="0" eb="3">
      <t>マナヅルマチ</t>
    </rPh>
    <phoneticPr fontId="1"/>
  </si>
  <si>
    <t>第040880号</t>
    <rPh sb="0" eb="1">
      <t>ダイ</t>
    </rPh>
    <rPh sb="7" eb="8">
      <t>ゴウ</t>
    </rPh>
    <phoneticPr fontId="1"/>
  </si>
  <si>
    <t>ゆとろ嵯峨沢の湯　別館Ⅱ</t>
    <phoneticPr fontId="1"/>
  </si>
  <si>
    <t>湯河原町鍛冶屋５１３－２</t>
    <rPh sb="0" eb="4">
      <t>ユガワラマチ</t>
    </rPh>
    <phoneticPr fontId="1"/>
  </si>
  <si>
    <t>第040891号</t>
    <rPh sb="0" eb="1">
      <t>ダイ</t>
    </rPh>
    <rPh sb="7" eb="8">
      <t>ゴウ</t>
    </rPh>
    <phoneticPr fontId="1"/>
  </si>
  <si>
    <t>ライフリゾート　ＴＯＫＩ　仙石原</t>
    <phoneticPr fontId="1"/>
  </si>
  <si>
    <t>箱根町仙石原８１７－６２９</t>
    <rPh sb="0" eb="3">
      <t>ハコネマチ</t>
    </rPh>
    <phoneticPr fontId="1"/>
  </si>
  <si>
    <t>第040892号</t>
    <rPh sb="0" eb="1">
      <t>ダイ</t>
    </rPh>
    <rPh sb="7" eb="8">
      <t>ゴウ</t>
    </rPh>
    <phoneticPr fontId="1"/>
  </si>
  <si>
    <t>箱根小涌園　三河屋旅館</t>
    <phoneticPr fontId="1"/>
  </si>
  <si>
    <t>箱根町小涌谷５０３</t>
    <rPh sb="0" eb="3">
      <t>ハコネマチ</t>
    </rPh>
    <phoneticPr fontId="1"/>
  </si>
  <si>
    <t>第040893号</t>
    <rPh sb="0" eb="1">
      <t>ダイ</t>
    </rPh>
    <rPh sb="7" eb="8">
      <t>ゴウ</t>
    </rPh>
    <phoneticPr fontId="1"/>
  </si>
  <si>
    <t>湯河原町宮上２６１－３２</t>
    <rPh sb="0" eb="4">
      <t>ユガワラマチ</t>
    </rPh>
    <phoneticPr fontId="1"/>
  </si>
  <si>
    <t>第040895号</t>
    <rPh sb="0" eb="1">
      <t>ダイ</t>
    </rPh>
    <rPh sb="7" eb="8">
      <t>ゴウ</t>
    </rPh>
    <phoneticPr fontId="1"/>
  </si>
  <si>
    <t>Ｙ＇ｓＩＮＮ　宮城野</t>
    <phoneticPr fontId="1"/>
  </si>
  <si>
    <t>箱根町宮城野５８－１１８</t>
    <phoneticPr fontId="1"/>
  </si>
  <si>
    <t>第040894号</t>
    <rPh sb="0" eb="1">
      <t>ダイ</t>
    </rPh>
    <rPh sb="7" eb="8">
      <t>ゴウ</t>
    </rPh>
    <phoneticPr fontId="1"/>
  </si>
  <si>
    <t>第040896号</t>
    <rPh sb="0" eb="1">
      <t>ダイ</t>
    </rPh>
    <rPh sb="7" eb="8">
      <t>ゴウ</t>
    </rPh>
    <phoneticPr fontId="1"/>
  </si>
  <si>
    <t>箱根・強羅　佳ら久</t>
    <phoneticPr fontId="1"/>
  </si>
  <si>
    <t>箱根町強羅１３００番地８</t>
    <phoneticPr fontId="1"/>
  </si>
  <si>
    <t>第040898号</t>
    <rPh sb="0" eb="1">
      <t>ダイ</t>
    </rPh>
    <rPh sb="7" eb="8">
      <t>ゴウ</t>
    </rPh>
    <phoneticPr fontId="1"/>
  </si>
  <si>
    <t>楽宿　日和</t>
    <phoneticPr fontId="1"/>
  </si>
  <si>
    <t>小田原市風祭１５７－１　２Ｆ</t>
    <phoneticPr fontId="1"/>
  </si>
  <si>
    <t>第040899号</t>
    <rPh sb="0" eb="1">
      <t>ダイ</t>
    </rPh>
    <rPh sb="7" eb="8">
      <t>ゴウ</t>
    </rPh>
    <phoneticPr fontId="1"/>
  </si>
  <si>
    <t>楽宿　彩楓</t>
    <phoneticPr fontId="1"/>
  </si>
  <si>
    <t>小田原市風祭１５７－１　１Ｆ</t>
    <phoneticPr fontId="1"/>
  </si>
  <si>
    <t>第040900号</t>
    <rPh sb="0" eb="1">
      <t>ダイ</t>
    </rPh>
    <rPh sb="7" eb="8">
      <t>ゴウ</t>
    </rPh>
    <phoneticPr fontId="1"/>
  </si>
  <si>
    <t>郷隅美悦</t>
    <phoneticPr fontId="1"/>
  </si>
  <si>
    <t>箱根町湯本３８６－６４</t>
    <phoneticPr fontId="1"/>
  </si>
  <si>
    <t>第040901号</t>
    <rPh sb="0" eb="1">
      <t>ダイ</t>
    </rPh>
    <rPh sb="7" eb="8">
      <t>ゴウ</t>
    </rPh>
    <phoneticPr fontId="1"/>
  </si>
  <si>
    <t>温泉宿　はこの和</t>
    <phoneticPr fontId="1"/>
  </si>
  <si>
    <t>箱根町湯本４７４－３７</t>
    <phoneticPr fontId="1"/>
  </si>
  <si>
    <t>第040902号</t>
    <rPh sb="0" eb="1">
      <t>ダイ</t>
    </rPh>
    <rPh sb="7" eb="8">
      <t>ゴウ</t>
    </rPh>
    <phoneticPr fontId="1"/>
  </si>
  <si>
    <t>ＨａｍａＹｏｕ</t>
    <phoneticPr fontId="1"/>
  </si>
  <si>
    <t>小田原市荻窪３９８－１</t>
    <phoneticPr fontId="1"/>
  </si>
  <si>
    <t>第040903号</t>
    <rPh sb="0" eb="1">
      <t>ダイ</t>
    </rPh>
    <rPh sb="7" eb="8">
      <t>ゴウ</t>
    </rPh>
    <phoneticPr fontId="1"/>
  </si>
  <si>
    <t>スイートヴィラ　箱根仙石原カナディアンログ</t>
    <phoneticPr fontId="1"/>
  </si>
  <si>
    <t>箱根町仙石原１２４６－１２２５</t>
    <rPh sb="0" eb="3">
      <t>ハコネマチ</t>
    </rPh>
    <phoneticPr fontId="1"/>
  </si>
  <si>
    <t>第040904号</t>
    <rPh sb="0" eb="1">
      <t>ダイ</t>
    </rPh>
    <rPh sb="7" eb="8">
      <t>ゴウ</t>
    </rPh>
    <phoneticPr fontId="1"/>
  </si>
  <si>
    <t>旧東京証券取引所箱根山の家保養所</t>
    <phoneticPr fontId="1"/>
  </si>
  <si>
    <t>箱根町強羅１３２１－３１８</t>
    <rPh sb="0" eb="3">
      <t>ハコネマチ</t>
    </rPh>
    <phoneticPr fontId="1"/>
  </si>
  <si>
    <t>第040906号</t>
    <rPh sb="0" eb="1">
      <t>ダイ</t>
    </rPh>
    <rPh sb="7" eb="8">
      <t>ゴウ</t>
    </rPh>
    <phoneticPr fontId="1"/>
  </si>
  <si>
    <t>天成園　小田原駅別館</t>
    <phoneticPr fontId="1"/>
  </si>
  <si>
    <t>小田原市栄町１丁目１－１５</t>
    <phoneticPr fontId="1"/>
  </si>
  <si>
    <t>第040905号</t>
    <rPh sb="0" eb="1">
      <t>ダイ</t>
    </rPh>
    <rPh sb="7" eb="8">
      <t>ゴウ</t>
    </rPh>
    <phoneticPr fontId="1"/>
  </si>
  <si>
    <t>源泉宿　なでしこ</t>
    <phoneticPr fontId="1"/>
  </si>
  <si>
    <t>湯河原町宮上３７２－１６</t>
    <phoneticPr fontId="1"/>
  </si>
  <si>
    <t>第040907号</t>
    <rPh sb="0" eb="1">
      <t>ダイ</t>
    </rPh>
    <rPh sb="7" eb="8">
      <t>ゴウ</t>
    </rPh>
    <phoneticPr fontId="1"/>
  </si>
  <si>
    <t>Ｔｒｉｐ７　真鶴潮騒新館</t>
    <phoneticPr fontId="1"/>
  </si>
  <si>
    <t>第040908号</t>
    <rPh sb="0" eb="1">
      <t>ダイ</t>
    </rPh>
    <rPh sb="7" eb="8">
      <t>ゴウ</t>
    </rPh>
    <phoneticPr fontId="1"/>
  </si>
  <si>
    <t>ＨＡＫＯＮＥ　ＮＩＣＡ</t>
    <phoneticPr fontId="1"/>
  </si>
  <si>
    <t>箱根町宮城野１３５８－３５</t>
    <phoneticPr fontId="1"/>
  </si>
  <si>
    <t>第040909号</t>
    <rPh sb="0" eb="1">
      <t>ダイ</t>
    </rPh>
    <rPh sb="7" eb="8">
      <t>ゴウ</t>
    </rPh>
    <phoneticPr fontId="1"/>
  </si>
  <si>
    <t>箱根町宮城野１３５５－８</t>
    <phoneticPr fontId="1"/>
  </si>
  <si>
    <t>Ｆｏｒｅｓｔ　Ｖｉｌｌａ　Ｈａｋｏｎｅ</t>
    <phoneticPr fontId="1"/>
  </si>
  <si>
    <t>箱根町強羅１３００－４３９</t>
    <rPh sb="0" eb="3">
      <t>ハコネマチ</t>
    </rPh>
    <phoneticPr fontId="1"/>
  </si>
  <si>
    <t>第040910号</t>
    <rPh sb="0" eb="1">
      <t>ダイ</t>
    </rPh>
    <rPh sb="7" eb="8">
      <t>ゴウ</t>
    </rPh>
    <phoneticPr fontId="1"/>
  </si>
  <si>
    <t>箱根町大平台５７８番地の１</t>
    <rPh sb="0" eb="3">
      <t>ハコネマチ</t>
    </rPh>
    <phoneticPr fontId="1"/>
  </si>
  <si>
    <t>第040912号</t>
    <rPh sb="0" eb="1">
      <t>ダイ</t>
    </rPh>
    <rPh sb="7" eb="8">
      <t>ゴウ</t>
    </rPh>
    <phoneticPr fontId="1"/>
  </si>
  <si>
    <t>ＧＵＥＳＴ　ＨＯＵＳＥ　ＫＡＷＡＫＡＭＩ</t>
    <phoneticPr fontId="1"/>
  </si>
  <si>
    <t>箱根町仙石原９３４番地３９</t>
    <rPh sb="0" eb="3">
      <t>ハコネマチ</t>
    </rPh>
    <phoneticPr fontId="1"/>
  </si>
  <si>
    <t>第040873号</t>
    <rPh sb="0" eb="1">
      <t>ダイ</t>
    </rPh>
    <rPh sb="7" eb="8">
      <t>ゴウ</t>
    </rPh>
    <phoneticPr fontId="1"/>
  </si>
  <si>
    <t>江之浦リトリート　凛門</t>
    <phoneticPr fontId="1"/>
  </si>
  <si>
    <t>小田原市江之浦２１８－１</t>
    <rPh sb="0" eb="4">
      <t>オダワラシ</t>
    </rPh>
    <phoneticPr fontId="1"/>
  </si>
  <si>
    <t>第040913号</t>
    <rPh sb="0" eb="1">
      <t>ダイ</t>
    </rPh>
    <rPh sb="7" eb="8">
      <t>ゴウ</t>
    </rPh>
    <phoneticPr fontId="1"/>
  </si>
  <si>
    <t>楽宿　小涌谷</t>
    <phoneticPr fontId="1"/>
  </si>
  <si>
    <t>箱根町小涌谷４４３－１４０</t>
    <rPh sb="0" eb="3">
      <t>ハコネマチ</t>
    </rPh>
    <phoneticPr fontId="1"/>
  </si>
  <si>
    <t>第040914号</t>
    <rPh sb="0" eb="1">
      <t>ダイ</t>
    </rPh>
    <rPh sb="7" eb="8">
      <t>ゴウ</t>
    </rPh>
    <phoneticPr fontId="1"/>
  </si>
  <si>
    <t>箱根風雅</t>
    <phoneticPr fontId="1"/>
  </si>
  <si>
    <t>ゆがわら風雅</t>
    <phoneticPr fontId="1"/>
  </si>
  <si>
    <t>湯河原町宮上２６１</t>
    <rPh sb="0" eb="4">
      <t>ユガワラマチ</t>
    </rPh>
    <phoneticPr fontId="1"/>
  </si>
  <si>
    <t>第040916号</t>
    <rPh sb="0" eb="1">
      <t>ダイ</t>
    </rPh>
    <rPh sb="7" eb="8">
      <t>ゴウ</t>
    </rPh>
    <phoneticPr fontId="1"/>
  </si>
  <si>
    <t>真鶴貸別荘　れもん</t>
    <phoneticPr fontId="1"/>
  </si>
  <si>
    <t>真鶴町真鶴９４８－１</t>
    <rPh sb="0" eb="3">
      <t>マナヅルマチ</t>
    </rPh>
    <phoneticPr fontId="1"/>
  </si>
  <si>
    <t>第040917号</t>
    <rPh sb="0" eb="1">
      <t>ダイ</t>
    </rPh>
    <rPh sb="7" eb="8">
      <t>ゴウ</t>
    </rPh>
    <phoneticPr fontId="1"/>
  </si>
  <si>
    <t>四季倶楽部　箱根スタイル</t>
    <phoneticPr fontId="1"/>
  </si>
  <si>
    <t>箱根町元箱根１１０－１６２</t>
    <rPh sb="0" eb="3">
      <t>ハコネマチ</t>
    </rPh>
    <phoneticPr fontId="1"/>
  </si>
  <si>
    <t>第040918号</t>
    <rPh sb="0" eb="1">
      <t>ダイ</t>
    </rPh>
    <rPh sb="7" eb="8">
      <t>ゴウ</t>
    </rPh>
    <phoneticPr fontId="1"/>
  </si>
  <si>
    <t>和みの宿　たかうら</t>
    <phoneticPr fontId="1"/>
  </si>
  <si>
    <t>真鶴町真鶴１１８０－２</t>
    <rPh sb="0" eb="3">
      <t>マナヅルマチ</t>
    </rPh>
    <phoneticPr fontId="1"/>
  </si>
  <si>
    <t>第040919号</t>
    <rPh sb="0" eb="1">
      <t>ダイ</t>
    </rPh>
    <rPh sb="7" eb="8">
      <t>ゴウ</t>
    </rPh>
    <phoneticPr fontId="1"/>
  </si>
  <si>
    <t>ＴＥＭＡＲＩ</t>
    <phoneticPr fontId="1"/>
  </si>
  <si>
    <t>自家源泉かけ流しの宿　箱根翠泉</t>
    <phoneticPr fontId="1"/>
  </si>
  <si>
    <t>箱根町大平台２５４</t>
    <rPh sb="0" eb="3">
      <t>ハコネマチ</t>
    </rPh>
    <phoneticPr fontId="1"/>
  </si>
  <si>
    <t>第040915号</t>
    <rPh sb="0" eb="1">
      <t>ダイ</t>
    </rPh>
    <rPh sb="7" eb="8">
      <t>ゴウ</t>
    </rPh>
    <phoneticPr fontId="1"/>
  </si>
  <si>
    <t>源泉茶寮　玄　箱根強羅</t>
    <phoneticPr fontId="1"/>
  </si>
  <si>
    <t>箱根町強羅１３００－２３８</t>
    <rPh sb="0" eb="3">
      <t>ハコネマチ</t>
    </rPh>
    <phoneticPr fontId="1"/>
  </si>
  <si>
    <t>第040923号</t>
    <rPh sb="0" eb="1">
      <t>ダイ</t>
    </rPh>
    <rPh sb="7" eb="8">
      <t>ゴウ</t>
    </rPh>
    <phoneticPr fontId="1"/>
  </si>
  <si>
    <t>くらしの友　箱根仙石原山荘</t>
    <phoneticPr fontId="1"/>
  </si>
  <si>
    <t>箱根町仙石原１２４５－３８３</t>
    <rPh sb="0" eb="3">
      <t>ハコネマチ</t>
    </rPh>
    <phoneticPr fontId="1"/>
  </si>
  <si>
    <t>第040924号</t>
    <rPh sb="0" eb="1">
      <t>ダイ</t>
    </rPh>
    <rPh sb="7" eb="8">
      <t>ゴウ</t>
    </rPh>
    <phoneticPr fontId="1"/>
  </si>
  <si>
    <t>春夏秋冬</t>
    <phoneticPr fontId="1"/>
  </si>
  <si>
    <t>箱根町湯本６９５</t>
    <rPh sb="0" eb="3">
      <t>ハコネマチ</t>
    </rPh>
    <phoneticPr fontId="1"/>
  </si>
  <si>
    <t>第040925号</t>
    <rPh sb="0" eb="1">
      <t>ダイ</t>
    </rPh>
    <rPh sb="7" eb="8">
      <t>ゴウ</t>
    </rPh>
    <phoneticPr fontId="1"/>
  </si>
  <si>
    <t>ＵＮＰＡＣＫ　風光</t>
    <phoneticPr fontId="1"/>
  </si>
  <si>
    <t>箱根町二ノ平１２９７－１５９</t>
    <rPh sb="0" eb="2">
      <t>ハコネ</t>
    </rPh>
    <rPh sb="2" eb="3">
      <t>マチ</t>
    </rPh>
    <phoneticPr fontId="1"/>
  </si>
  <si>
    <t>第040926号</t>
    <rPh sb="0" eb="1">
      <t>ダイ</t>
    </rPh>
    <rPh sb="7" eb="8">
      <t>ゴウ</t>
    </rPh>
    <phoneticPr fontId="1"/>
  </si>
  <si>
    <t>Ａｚｉｔｏ　Ａｎｎｅｘ</t>
    <phoneticPr fontId="1"/>
  </si>
  <si>
    <t>箱根町湯本４９１</t>
    <rPh sb="0" eb="3">
      <t>ハコネマチ</t>
    </rPh>
    <phoneticPr fontId="1"/>
  </si>
  <si>
    <t>第040927号</t>
    <rPh sb="0" eb="1">
      <t>ダイ</t>
    </rPh>
    <rPh sb="7" eb="8">
      <t>ゴウ</t>
    </rPh>
    <phoneticPr fontId="1"/>
  </si>
  <si>
    <t>ＧｕｅｓｔＨｏｕｓｅ　Ａｚｉｔｏ</t>
    <phoneticPr fontId="1"/>
  </si>
  <si>
    <t>第040930号</t>
    <rPh sb="0" eb="1">
      <t>ダイ</t>
    </rPh>
    <rPh sb="7" eb="8">
      <t>ゴウ</t>
    </rPh>
    <phoneticPr fontId="1"/>
  </si>
  <si>
    <t>箱根町湯本６９８－１０</t>
    <rPh sb="0" eb="3">
      <t>ハコネマチ</t>
    </rPh>
    <phoneticPr fontId="1"/>
  </si>
  <si>
    <t>Ｙｕｍｏｔｏ　Ｓｔａｔｉｏｎ　Ｈｏｔｅｌ　ＭＩＲＡＨＡＫＯＮＥ</t>
    <phoneticPr fontId="1"/>
  </si>
  <si>
    <t>第040929号</t>
    <rPh sb="0" eb="1">
      <t>ダイ</t>
    </rPh>
    <rPh sb="7" eb="8">
      <t>ゴウ</t>
    </rPh>
    <phoneticPr fontId="1"/>
  </si>
  <si>
    <t>Ａｓｈｉｎｏｋｏ　Ｐｏｒｔ　Ｖｉｌｌａ　ＭＩＲＡＨＡＫＯＮＥ</t>
    <phoneticPr fontId="1"/>
  </si>
  <si>
    <t>箱根町元箱根１８－３</t>
    <rPh sb="0" eb="3">
      <t>ハコネマチ</t>
    </rPh>
    <phoneticPr fontId="1"/>
  </si>
  <si>
    <t>第040928号</t>
    <rPh sb="0" eb="1">
      <t>ダイ</t>
    </rPh>
    <rPh sb="7" eb="8">
      <t>ゴウ</t>
    </rPh>
    <phoneticPr fontId="1"/>
  </si>
  <si>
    <t>Ｒａｋｕｔｅｎ　ＳＴＡＹ　ＶＩＬＬＡ　箱根仙石原　北館</t>
    <phoneticPr fontId="1"/>
  </si>
  <si>
    <t>箱根町仙石原１２４６－７４８</t>
    <rPh sb="0" eb="3">
      <t>ハコネマチ</t>
    </rPh>
    <phoneticPr fontId="1"/>
  </si>
  <si>
    <t>ＥＫ　Ｈｏｕｓｅ　如水荘</t>
    <phoneticPr fontId="1"/>
  </si>
  <si>
    <t>箱根町仙石原１２４６－４３８</t>
    <rPh sb="0" eb="3">
      <t>ハコネマチ</t>
    </rPh>
    <phoneticPr fontId="1"/>
  </si>
  <si>
    <t>第040934号</t>
    <rPh sb="0" eb="1">
      <t>ダイ</t>
    </rPh>
    <rPh sb="7" eb="8">
      <t>ゴウ</t>
    </rPh>
    <phoneticPr fontId="1"/>
  </si>
  <si>
    <t>第040933号</t>
    <rPh sb="0" eb="1">
      <t>ダイ</t>
    </rPh>
    <rPh sb="7" eb="8">
      <t>ゴウ</t>
    </rPh>
    <phoneticPr fontId="1"/>
  </si>
  <si>
    <t>ＴＨＥ　ＶＩＥＷ　小田原　城の見えるホテル</t>
    <phoneticPr fontId="1"/>
  </si>
  <si>
    <t>小田原市栄町１丁目１０番２３号</t>
    <rPh sb="0" eb="4">
      <t>オダワラシ</t>
    </rPh>
    <phoneticPr fontId="1"/>
  </si>
  <si>
    <t>第040935号</t>
    <rPh sb="0" eb="1">
      <t>ダイ</t>
    </rPh>
    <rPh sb="7" eb="8">
      <t>ゴウ</t>
    </rPh>
    <phoneticPr fontId="1"/>
  </si>
  <si>
    <t>箱根町強羅１３００－４６４</t>
    <rPh sb="0" eb="3">
      <t>ハコネマチ</t>
    </rPh>
    <phoneticPr fontId="1"/>
  </si>
  <si>
    <t>強羅ｂａｓｅ　Ａ棟</t>
    <phoneticPr fontId="1"/>
  </si>
  <si>
    <t>第040937号</t>
    <rPh sb="0" eb="1">
      <t>ダイ</t>
    </rPh>
    <rPh sb="7" eb="8">
      <t>ゴウ</t>
    </rPh>
    <phoneticPr fontId="1"/>
  </si>
  <si>
    <t>宿来宿往・優築</t>
    <phoneticPr fontId="1"/>
  </si>
  <si>
    <t>箱根町仙石原１２８５－４６６－２０２</t>
    <rPh sb="0" eb="3">
      <t>ハコネマチ</t>
    </rPh>
    <phoneticPr fontId="1"/>
  </si>
  <si>
    <t>宿来宿往・竹乃庄</t>
    <phoneticPr fontId="1"/>
  </si>
  <si>
    <t>箱根町仙石原１２８５－４６６－２０４</t>
    <rPh sb="0" eb="3">
      <t>ハコネマチ</t>
    </rPh>
    <phoneticPr fontId="1"/>
  </si>
  <si>
    <t>第040938号</t>
    <rPh sb="0" eb="1">
      <t>ダイ</t>
    </rPh>
    <rPh sb="7" eb="8">
      <t>ゴウ</t>
    </rPh>
    <phoneticPr fontId="1"/>
  </si>
  <si>
    <t>宿来宿往・和心庄</t>
    <phoneticPr fontId="1"/>
  </si>
  <si>
    <t>箱根町仙石原１２８５－４６６－４０２</t>
    <rPh sb="0" eb="3">
      <t>ハコネマチ</t>
    </rPh>
    <phoneticPr fontId="1"/>
  </si>
  <si>
    <t>第040939号</t>
    <rPh sb="0" eb="1">
      <t>ダイ</t>
    </rPh>
    <rPh sb="7" eb="8">
      <t>ゴウ</t>
    </rPh>
    <phoneticPr fontId="1"/>
  </si>
  <si>
    <t>宿来宿往・養心庄</t>
    <phoneticPr fontId="1"/>
  </si>
  <si>
    <t>箱根町仙石原１２８５－４６６－４０３</t>
    <rPh sb="0" eb="3">
      <t>ハコネマチ</t>
    </rPh>
    <phoneticPr fontId="1"/>
  </si>
  <si>
    <t>第040940号</t>
    <rPh sb="0" eb="1">
      <t>ダイ</t>
    </rPh>
    <rPh sb="7" eb="8">
      <t>ゴウ</t>
    </rPh>
    <phoneticPr fontId="1"/>
  </si>
  <si>
    <t>グランツリー箱根仙石原</t>
    <phoneticPr fontId="1"/>
  </si>
  <si>
    <t>箱根町仙石原１２４６－１８０</t>
    <rPh sb="0" eb="3">
      <t>ハコネマチ</t>
    </rPh>
    <phoneticPr fontId="1"/>
  </si>
  <si>
    <t>第040943号</t>
    <rPh sb="0" eb="1">
      <t>ダイ</t>
    </rPh>
    <rPh sb="7" eb="8">
      <t>ゴウ</t>
    </rPh>
    <phoneticPr fontId="1"/>
  </si>
  <si>
    <t>箱根強羅グアムドッグ本店</t>
    <phoneticPr fontId="1"/>
  </si>
  <si>
    <t>箱根町強羅１３２２番地の２０</t>
    <rPh sb="0" eb="3">
      <t>ハコネマチ</t>
    </rPh>
    <phoneticPr fontId="1"/>
  </si>
  <si>
    <t>第040942号</t>
    <rPh sb="0" eb="1">
      <t>ダイ</t>
    </rPh>
    <rPh sb="7" eb="8">
      <t>ゴウ</t>
    </rPh>
    <phoneticPr fontId="1"/>
  </si>
  <si>
    <t>Ｒａｋｕｔｅｎ　ＳＴＡＹ　ＶＩＬＬＡ　箱根仙石原　南館</t>
    <phoneticPr fontId="1"/>
  </si>
  <si>
    <t>箱根町仙石原１２４６－７６１</t>
    <rPh sb="0" eb="3">
      <t>ハコネマチ</t>
    </rPh>
    <phoneticPr fontId="1"/>
  </si>
  <si>
    <t>第040945号</t>
    <rPh sb="0" eb="1">
      <t>ダイ</t>
    </rPh>
    <rPh sb="7" eb="8">
      <t>ゴウ</t>
    </rPh>
    <phoneticPr fontId="1"/>
  </si>
  <si>
    <t>幕山ハウス</t>
    <phoneticPr fontId="1"/>
  </si>
  <si>
    <t>湯河原町鍛冶屋８５４－２４</t>
    <rPh sb="0" eb="4">
      <t>ユガワラマチ</t>
    </rPh>
    <phoneticPr fontId="1"/>
  </si>
  <si>
    <t>第040946号</t>
    <rPh sb="0" eb="1">
      <t>ダイ</t>
    </rPh>
    <rPh sb="7" eb="8">
      <t>ゴウ</t>
    </rPh>
    <phoneticPr fontId="1"/>
  </si>
  <si>
    <t>箱根湯本　川風荘</t>
    <phoneticPr fontId="1"/>
  </si>
  <si>
    <t>箱根町湯本１８６－１</t>
    <rPh sb="0" eb="3">
      <t>ハコネマチ</t>
    </rPh>
    <phoneticPr fontId="1"/>
  </si>
  <si>
    <t>第040941号</t>
    <rPh sb="0" eb="1">
      <t>ダイ</t>
    </rPh>
    <rPh sb="7" eb="8">
      <t>ゴウ</t>
    </rPh>
    <phoneticPr fontId="1"/>
  </si>
  <si>
    <t>サマサマドゥア</t>
    <phoneticPr fontId="1"/>
  </si>
  <si>
    <t>小田原市本町３－８－６　１Ｆ</t>
    <rPh sb="0" eb="4">
      <t>オダワラシ</t>
    </rPh>
    <phoneticPr fontId="1"/>
  </si>
  <si>
    <t>第040947号</t>
    <rPh sb="0" eb="1">
      <t>ダイ</t>
    </rPh>
    <rPh sb="7" eb="8">
      <t>ゴウ</t>
    </rPh>
    <phoneticPr fontId="1"/>
  </si>
  <si>
    <t>喜楽庵</t>
    <phoneticPr fontId="1"/>
  </si>
  <si>
    <t>箱根町仙石原１２４５－１５５</t>
    <rPh sb="0" eb="2">
      <t>ハコネ</t>
    </rPh>
    <rPh sb="2" eb="3">
      <t>マチ</t>
    </rPh>
    <phoneticPr fontId="1"/>
  </si>
  <si>
    <t>第040948号</t>
    <rPh sb="0" eb="1">
      <t>ダイ</t>
    </rPh>
    <rPh sb="7" eb="8">
      <t>ゴウ</t>
    </rPh>
    <phoneticPr fontId="1"/>
  </si>
  <si>
    <t>Ｈｏｓｔｅｌ　Ｈａｖｅ　ａ　Ｎｉｃｅ　Ｄａｙ！</t>
    <phoneticPr fontId="1"/>
  </si>
  <si>
    <t>小田原市本町１－５－４</t>
    <rPh sb="0" eb="4">
      <t>オダワラシ</t>
    </rPh>
    <phoneticPr fontId="1"/>
  </si>
  <si>
    <t>第040944号</t>
    <rPh sb="0" eb="1">
      <t>ダイ</t>
    </rPh>
    <rPh sb="7" eb="8">
      <t>ゴウ</t>
    </rPh>
    <phoneticPr fontId="1"/>
  </si>
  <si>
    <t>第040936号</t>
    <rPh sb="0" eb="1">
      <t>ダイ</t>
    </rPh>
    <rPh sb="7" eb="8">
      <t>ゴウ</t>
    </rPh>
    <phoneticPr fontId="1"/>
  </si>
  <si>
    <t>花の湖・桜</t>
    <phoneticPr fontId="1"/>
  </si>
  <si>
    <t>箱根町箱根２２０－１</t>
    <rPh sb="0" eb="3">
      <t>ハコネマチ</t>
    </rPh>
    <phoneticPr fontId="1"/>
  </si>
  <si>
    <t>第040949号</t>
    <rPh sb="0" eb="1">
      <t>ダイ</t>
    </rPh>
    <rPh sb="7" eb="8">
      <t>ゴウ</t>
    </rPh>
    <phoneticPr fontId="1"/>
  </si>
  <si>
    <t>花の湖・梅桃</t>
    <phoneticPr fontId="1"/>
  </si>
  <si>
    <t>箱根町箱根１８８－１</t>
    <rPh sb="0" eb="3">
      <t>ハコネマチ</t>
    </rPh>
    <phoneticPr fontId="1"/>
  </si>
  <si>
    <t>第040950号</t>
    <rPh sb="0" eb="1">
      <t>ダイ</t>
    </rPh>
    <rPh sb="7" eb="8">
      <t>ゴウ</t>
    </rPh>
    <phoneticPr fontId="1"/>
  </si>
  <si>
    <t>Ｆｏｒｅｓｔ　Ｖｉｌｌａ　Ｙｕｇａｗａｒａ</t>
    <phoneticPr fontId="1"/>
  </si>
  <si>
    <t>湯河原町宮下５４２－５</t>
    <rPh sb="0" eb="4">
      <t>ユガワラマチ</t>
    </rPh>
    <phoneticPr fontId="1"/>
  </si>
  <si>
    <t>第040951号</t>
    <rPh sb="0" eb="1">
      <t>ダイ</t>
    </rPh>
    <rPh sb="7" eb="8">
      <t>ゴウ</t>
    </rPh>
    <phoneticPr fontId="1"/>
  </si>
  <si>
    <t>楽宿－藤花－</t>
    <phoneticPr fontId="1"/>
  </si>
  <si>
    <t>箱根町二ノ平１２９７－２０８</t>
    <rPh sb="0" eb="3">
      <t>ハコネマチ</t>
    </rPh>
    <phoneticPr fontId="1"/>
  </si>
  <si>
    <t>第040952号</t>
    <rPh sb="0" eb="1">
      <t>ダイ</t>
    </rPh>
    <rPh sb="7" eb="8">
      <t>ゴウ</t>
    </rPh>
    <phoneticPr fontId="1"/>
  </si>
  <si>
    <t>箱根町強羅１３００－７６３</t>
    <rPh sb="0" eb="3">
      <t>ハコネマチ</t>
    </rPh>
    <phoneticPr fontId="1"/>
  </si>
  <si>
    <t>第040954号</t>
    <rPh sb="0" eb="1">
      <t>ダイ</t>
    </rPh>
    <rPh sb="7" eb="8">
      <t>ゴウ</t>
    </rPh>
    <phoneticPr fontId="1"/>
  </si>
  <si>
    <t>箱根町強羅１３００－４５</t>
    <rPh sb="0" eb="3">
      <t>ハコネマチ</t>
    </rPh>
    <phoneticPr fontId="1"/>
  </si>
  <si>
    <t>第040956号</t>
    <rPh sb="0" eb="1">
      <t>ダイ</t>
    </rPh>
    <rPh sb="7" eb="8">
      <t>ゴウ</t>
    </rPh>
    <phoneticPr fontId="1"/>
  </si>
  <si>
    <t>有限会社大和館</t>
    <phoneticPr fontId="1"/>
  </si>
  <si>
    <t>箱根町強羅１３２０－１０９５</t>
    <phoneticPr fontId="1"/>
  </si>
  <si>
    <t>ヴィラ　リベルテ箱根強羅</t>
    <phoneticPr fontId="1"/>
  </si>
  <si>
    <t>さくらや</t>
    <phoneticPr fontId="1"/>
  </si>
  <si>
    <t>湯河原町土肥５丁目５番地５号</t>
    <rPh sb="0" eb="4">
      <t>ユガワラマチ</t>
    </rPh>
    <phoneticPr fontId="1"/>
  </si>
  <si>
    <t>第040957号</t>
    <rPh sb="0" eb="1">
      <t>ダイ</t>
    </rPh>
    <rPh sb="7" eb="8">
      <t>ゴウ</t>
    </rPh>
    <phoneticPr fontId="1"/>
  </si>
  <si>
    <t>真鶴貸別荘　ライム</t>
    <phoneticPr fontId="1"/>
  </si>
  <si>
    <t>真鶴町真鶴９５４－１</t>
    <rPh sb="0" eb="2">
      <t>マナヅル</t>
    </rPh>
    <rPh sb="2" eb="3">
      <t>マチ</t>
    </rPh>
    <phoneticPr fontId="1"/>
  </si>
  <si>
    <t>第040960号</t>
    <rPh sb="0" eb="1">
      <t>ダイ</t>
    </rPh>
    <rPh sb="7" eb="8">
      <t>ゴウ</t>
    </rPh>
    <phoneticPr fontId="1"/>
  </si>
  <si>
    <t>ＲＹＯＫＡＮ　ＰＬＵＭ</t>
    <phoneticPr fontId="1"/>
  </si>
  <si>
    <t>箱根町仙石原３３８</t>
    <rPh sb="0" eb="3">
      <t>ハコネマチ</t>
    </rPh>
    <phoneticPr fontId="1"/>
  </si>
  <si>
    <t>ＮＯＩＥ　ＳＥＮＧＯＫＵＨＡＲＡ　ＨＡＫＯＮＥ　（ＳＨＩＲＯ　ＳＵＩＴＥ棟）</t>
    <phoneticPr fontId="1"/>
  </si>
  <si>
    <t>箱根町仙石原１２４６－２７５</t>
    <rPh sb="0" eb="3">
      <t>ハコネマチ</t>
    </rPh>
    <phoneticPr fontId="1"/>
  </si>
  <si>
    <t>第040958号</t>
    <rPh sb="0" eb="1">
      <t>ダイ</t>
    </rPh>
    <rPh sb="7" eb="8">
      <t>ゴウ</t>
    </rPh>
    <phoneticPr fontId="1"/>
  </si>
  <si>
    <t>ＮＯＩＥ　ＳＥＮＧＯＫＵＨＡＲＡ　ＨＡＫＯＮＥ　（ＯＫＵ　ＳＵＩＴＥ棟）</t>
    <phoneticPr fontId="1"/>
  </si>
  <si>
    <t>第040959号</t>
    <rPh sb="0" eb="1">
      <t>ダイ</t>
    </rPh>
    <rPh sb="7" eb="8">
      <t>ゴウ</t>
    </rPh>
    <phoneticPr fontId="1"/>
  </si>
  <si>
    <t>ＫＯＩ　ＨＡＫＯＮＥ　ピエトラ</t>
    <phoneticPr fontId="1"/>
  </si>
  <si>
    <t>箱根町元箱根１１０－１７７</t>
    <rPh sb="0" eb="3">
      <t>ハコネマチ</t>
    </rPh>
    <phoneticPr fontId="1"/>
  </si>
  <si>
    <t>第040961号</t>
    <rPh sb="0" eb="1">
      <t>ダイ</t>
    </rPh>
    <rPh sb="7" eb="8">
      <t>ゴウ</t>
    </rPh>
    <phoneticPr fontId="1"/>
  </si>
  <si>
    <t>ＫＯＩ　ＨＡＫＯＮＥ　コーポ箱根　１０１</t>
    <phoneticPr fontId="1"/>
  </si>
  <si>
    <t>箱根町元箱根４８－１　１０１</t>
    <rPh sb="0" eb="3">
      <t>ハコネマチ</t>
    </rPh>
    <phoneticPr fontId="1"/>
  </si>
  <si>
    <t>第040962号</t>
    <rPh sb="0" eb="1">
      <t>ダイ</t>
    </rPh>
    <rPh sb="7" eb="8">
      <t>ゴウ</t>
    </rPh>
    <phoneticPr fontId="1"/>
  </si>
  <si>
    <t>ＫＯＩ　ＨＡＫＯＮＥ　コーポ箱根　１０２</t>
    <phoneticPr fontId="1"/>
  </si>
  <si>
    <t>箱根町元箱根４８－１　１０２</t>
    <rPh sb="0" eb="3">
      <t>ハコネマチ</t>
    </rPh>
    <phoneticPr fontId="1"/>
  </si>
  <si>
    <t>第040963号</t>
    <rPh sb="0" eb="1">
      <t>ダイ</t>
    </rPh>
    <rPh sb="7" eb="8">
      <t>ゴウ</t>
    </rPh>
    <phoneticPr fontId="1"/>
  </si>
  <si>
    <t>ＫＯＩ　ＨＡＫＯＮＥ　コーポ箱根　２０１</t>
    <phoneticPr fontId="1"/>
  </si>
  <si>
    <t>箱根町元箱根４８－１　２０１</t>
    <rPh sb="0" eb="3">
      <t>ハコネマチ</t>
    </rPh>
    <phoneticPr fontId="1"/>
  </si>
  <si>
    <t>第040964号</t>
    <rPh sb="0" eb="1">
      <t>ダイ</t>
    </rPh>
    <rPh sb="7" eb="8">
      <t>ゴウ</t>
    </rPh>
    <phoneticPr fontId="1"/>
  </si>
  <si>
    <t>ＫＯＩ　ＨＡＫＯＮＥ　コーポ箱根　２０２</t>
    <phoneticPr fontId="1"/>
  </si>
  <si>
    <t>箱根町元箱根４８－１　２０２</t>
    <rPh sb="0" eb="3">
      <t>ハコネマチ</t>
    </rPh>
    <phoneticPr fontId="1"/>
  </si>
  <si>
    <t>第040965号</t>
    <rPh sb="0" eb="1">
      <t>ダイ</t>
    </rPh>
    <rPh sb="7" eb="8">
      <t>ゴウ</t>
    </rPh>
    <phoneticPr fontId="1"/>
  </si>
  <si>
    <t>ゲストハウス　御緑　Ｅｄｇｅ</t>
    <phoneticPr fontId="1"/>
  </si>
  <si>
    <t>箱根町仙石原９４３－２０</t>
    <rPh sb="0" eb="3">
      <t>ハコネマチ</t>
    </rPh>
    <phoneticPr fontId="1"/>
  </si>
  <si>
    <t>第040968号</t>
    <rPh sb="0" eb="1">
      <t>ダイ</t>
    </rPh>
    <rPh sb="7" eb="8">
      <t>ゴウ</t>
    </rPh>
    <phoneticPr fontId="1"/>
  </si>
  <si>
    <t>ＫＯＩ　ＨＡＫＯＮＥ　仙石原</t>
    <phoneticPr fontId="1"/>
  </si>
  <si>
    <t>箱根町仙石原１２８６－１３６</t>
    <rPh sb="0" eb="3">
      <t>ハコネマチ</t>
    </rPh>
    <phoneticPr fontId="1"/>
  </si>
  <si>
    <t>第040970号</t>
    <rPh sb="0" eb="1">
      <t>ダイ</t>
    </rPh>
    <rPh sb="7" eb="8">
      <t>ゴウ</t>
    </rPh>
    <phoneticPr fontId="1"/>
  </si>
  <si>
    <t>ゲストハウスラルゴ</t>
    <phoneticPr fontId="1"/>
  </si>
  <si>
    <t>小田原市早川２１５－３－２階</t>
    <rPh sb="0" eb="4">
      <t>オダワラシ</t>
    </rPh>
    <phoneticPr fontId="1"/>
  </si>
  <si>
    <t>第040971号</t>
    <rPh sb="0" eb="1">
      <t>ダイ</t>
    </rPh>
    <rPh sb="7" eb="8">
      <t>ゴウ</t>
    </rPh>
    <phoneticPr fontId="1"/>
  </si>
  <si>
    <t>湯河原町吉浜１９９６－４３</t>
    <rPh sb="0" eb="3">
      <t>ユガワラ</t>
    </rPh>
    <rPh sb="3" eb="4">
      <t>マチ</t>
    </rPh>
    <phoneticPr fontId="1"/>
  </si>
  <si>
    <t>第040972号</t>
    <rPh sb="0" eb="1">
      <t>ダイ</t>
    </rPh>
    <rPh sb="7" eb="8">
      <t>ゴウ</t>
    </rPh>
    <phoneticPr fontId="1"/>
  </si>
  <si>
    <t>ホテル　眺望山荘</t>
    <phoneticPr fontId="1"/>
  </si>
  <si>
    <t>湯河原町宮下６９８番地の２５</t>
    <rPh sb="0" eb="4">
      <t>ユガワラマチ</t>
    </rPh>
    <phoneticPr fontId="1"/>
  </si>
  <si>
    <t>第040973号</t>
    <rPh sb="0" eb="1">
      <t>ダイ</t>
    </rPh>
    <rPh sb="7" eb="8">
      <t>ゴウ</t>
    </rPh>
    <phoneticPr fontId="1"/>
  </si>
  <si>
    <t>ふふ　箱根</t>
    <phoneticPr fontId="1"/>
  </si>
  <si>
    <t>箱根町強羅１３２０－８０７</t>
    <rPh sb="0" eb="2">
      <t>ハコネ</t>
    </rPh>
    <rPh sb="2" eb="3">
      <t>マチ</t>
    </rPh>
    <phoneticPr fontId="1"/>
  </si>
  <si>
    <t>第040974号</t>
    <rPh sb="0" eb="1">
      <t>ダイ</t>
    </rPh>
    <rPh sb="7" eb="8">
      <t>ゴウ</t>
    </rPh>
    <phoneticPr fontId="1"/>
  </si>
  <si>
    <t>ホテル四季の館　箱根芦ノ湖</t>
    <phoneticPr fontId="1"/>
  </si>
  <si>
    <t>箱根町元箱根１０３番２４１</t>
    <rPh sb="0" eb="3">
      <t>ハコネマチ</t>
    </rPh>
    <phoneticPr fontId="1"/>
  </si>
  <si>
    <t>第040977号</t>
    <rPh sb="0" eb="1">
      <t>ダイ</t>
    </rPh>
    <rPh sb="7" eb="8">
      <t>ゴウ</t>
    </rPh>
    <phoneticPr fontId="1"/>
  </si>
  <si>
    <t>箱根の湯　花鳥風月</t>
    <phoneticPr fontId="1"/>
  </si>
  <si>
    <t>箱根町仙石原１２４６－１２３８</t>
    <rPh sb="0" eb="3">
      <t>ハコネマチ</t>
    </rPh>
    <phoneticPr fontId="1"/>
  </si>
  <si>
    <t>第040976号</t>
    <rPh sb="0" eb="1">
      <t>ダイ</t>
    </rPh>
    <rPh sb="7" eb="8">
      <t>ゴウ</t>
    </rPh>
    <phoneticPr fontId="1"/>
  </si>
  <si>
    <t>ゲストハウス　めだか荘</t>
    <phoneticPr fontId="1"/>
  </si>
  <si>
    <t>小田原市南町１－９－２６</t>
    <rPh sb="0" eb="4">
      <t>オダワラシ</t>
    </rPh>
    <phoneticPr fontId="1"/>
  </si>
  <si>
    <t>第040978号</t>
    <rPh sb="0" eb="1">
      <t>ダイ</t>
    </rPh>
    <rPh sb="7" eb="8">
      <t>ゴウ</t>
    </rPh>
    <phoneticPr fontId="1"/>
  </si>
  <si>
    <t>ＵＮＰＡＣＫ小涌谷</t>
    <phoneticPr fontId="1"/>
  </si>
  <si>
    <t>箱根町小涌谷４９３－５２</t>
    <rPh sb="0" eb="3">
      <t>ハコネマチ</t>
    </rPh>
    <phoneticPr fontId="1"/>
  </si>
  <si>
    <t>第040969号</t>
    <rPh sb="0" eb="1">
      <t>ダイ</t>
    </rPh>
    <rPh sb="7" eb="8">
      <t>ゴウ</t>
    </rPh>
    <phoneticPr fontId="1"/>
  </si>
  <si>
    <t>ＴＨＥ　ＲＥＴＲＥＡＴＭＥＮＴ　湯河原</t>
    <phoneticPr fontId="1"/>
  </si>
  <si>
    <t>あんじゅ　花菜</t>
    <phoneticPr fontId="1"/>
  </si>
  <si>
    <t>箱根町大平台５８８番地</t>
    <rPh sb="0" eb="3">
      <t>ハコネマチ</t>
    </rPh>
    <phoneticPr fontId="1"/>
  </si>
  <si>
    <t>第040982号</t>
    <rPh sb="0" eb="1">
      <t>ダイ</t>
    </rPh>
    <rPh sb="7" eb="8">
      <t>ゴウ</t>
    </rPh>
    <phoneticPr fontId="1"/>
  </si>
  <si>
    <t>箱根町仙石原１２８３－９７</t>
    <rPh sb="0" eb="3">
      <t>ハコネマチ</t>
    </rPh>
    <phoneticPr fontId="1"/>
  </si>
  <si>
    <t>箱根温泉山荘なかむら</t>
    <phoneticPr fontId="1"/>
  </si>
  <si>
    <t>第040983号</t>
    <rPh sb="0" eb="1">
      <t>ダイ</t>
    </rPh>
    <rPh sb="7" eb="8">
      <t>ゴウ</t>
    </rPh>
    <phoneticPr fontId="1"/>
  </si>
  <si>
    <t>ＴＨＥ　ＢＡＳＥ　ＧＬＡＭＰＩＮＧ　ＹＵＧＡＷＡＲＡ</t>
    <phoneticPr fontId="1"/>
  </si>
  <si>
    <t>湯河原町宮上４７３－１</t>
    <rPh sb="0" eb="3">
      <t>ユガワラ</t>
    </rPh>
    <rPh sb="3" eb="4">
      <t>マチ</t>
    </rPh>
    <phoneticPr fontId="1"/>
  </si>
  <si>
    <t>第040980号</t>
    <rPh sb="0" eb="1">
      <t>ダイ</t>
    </rPh>
    <rPh sb="7" eb="8">
      <t>ゴウ</t>
    </rPh>
    <phoneticPr fontId="1"/>
  </si>
  <si>
    <t>ザ・ゲストヴィラ箱根湯本</t>
    <phoneticPr fontId="1"/>
  </si>
  <si>
    <t>箱根町湯本３０１番地の２</t>
    <rPh sb="0" eb="3">
      <t>ハコネマチ</t>
    </rPh>
    <phoneticPr fontId="1"/>
  </si>
  <si>
    <t>第040981号</t>
    <rPh sb="0" eb="1">
      <t>ダイ</t>
    </rPh>
    <rPh sb="7" eb="8">
      <t>ゴウ</t>
    </rPh>
    <phoneticPr fontId="1"/>
  </si>
  <si>
    <t>Ｆｏｒｅｓｔ　ＬＯＧ　ＨＡＫＯＮＥ　－ＫＯＮＯＫＡ－</t>
    <phoneticPr fontId="1"/>
  </si>
  <si>
    <t>箱根町元箱根１６０－１５１</t>
    <rPh sb="0" eb="3">
      <t>ハコネマチ</t>
    </rPh>
    <phoneticPr fontId="1"/>
  </si>
  <si>
    <t>第040990号</t>
    <rPh sb="0" eb="1">
      <t>ダイ</t>
    </rPh>
    <rPh sb="7" eb="8">
      <t>ゴウ</t>
    </rPh>
    <phoneticPr fontId="1"/>
  </si>
  <si>
    <t>箱根町二ノ平１１１５－２</t>
    <rPh sb="0" eb="3">
      <t>ハコネマチ</t>
    </rPh>
    <phoneticPr fontId="1"/>
  </si>
  <si>
    <t>箱根御泊処－紅葉－</t>
    <phoneticPr fontId="1"/>
  </si>
  <si>
    <t>第040988号</t>
    <rPh sb="0" eb="1">
      <t>ダイ</t>
    </rPh>
    <rPh sb="7" eb="8">
      <t>ゴウ</t>
    </rPh>
    <phoneticPr fontId="1"/>
  </si>
  <si>
    <t>箱根御泊処－桜華－</t>
    <phoneticPr fontId="1"/>
  </si>
  <si>
    <t>第040989号</t>
    <rPh sb="0" eb="1">
      <t>ダイ</t>
    </rPh>
    <rPh sb="7" eb="8">
      <t>ゴウ</t>
    </rPh>
    <phoneticPr fontId="1"/>
  </si>
  <si>
    <t>ＶＩＬＬＡ　ＨＡＫＯＮＥ　湖空</t>
    <phoneticPr fontId="1"/>
  </si>
  <si>
    <t>箱根町箱根５７２－６１</t>
    <rPh sb="0" eb="3">
      <t>ハコネマチ</t>
    </rPh>
    <phoneticPr fontId="1"/>
  </si>
  <si>
    <t>第040987号</t>
    <rPh sb="0" eb="1">
      <t>ダイ</t>
    </rPh>
    <rPh sb="7" eb="8">
      <t>ゴウ</t>
    </rPh>
    <phoneticPr fontId="1"/>
  </si>
  <si>
    <t>Ｓｕｒｆ　Ｒｅｐｕｂｌｉｃ（サーフ・リパブリック）</t>
    <phoneticPr fontId="1"/>
  </si>
  <si>
    <t>湯河原町吉浜９５８－１</t>
    <rPh sb="0" eb="4">
      <t>ユガワラマチ</t>
    </rPh>
    <phoneticPr fontId="1"/>
  </si>
  <si>
    <t>第040985号</t>
    <rPh sb="0" eb="1">
      <t>ダイ</t>
    </rPh>
    <rPh sb="7" eb="8">
      <t>ゴウ</t>
    </rPh>
    <phoneticPr fontId="1"/>
  </si>
  <si>
    <t>第040986号</t>
    <rPh sb="0" eb="1">
      <t>ダイ</t>
    </rPh>
    <rPh sb="7" eb="8">
      <t>ゴウ</t>
    </rPh>
    <phoneticPr fontId="1"/>
  </si>
  <si>
    <t>Ｋａｊｉｙａ　Ｈｏｕｓｅ</t>
    <phoneticPr fontId="1"/>
  </si>
  <si>
    <t>湯河原町鍛冶屋７５２－３</t>
    <rPh sb="0" eb="4">
      <t>ユガワラマチ</t>
    </rPh>
    <phoneticPr fontId="1"/>
  </si>
  <si>
    <t>Ｔｈｅ　Ｒｙｏｋａｎ　Ｔｏｋｙｏ　ＹＵＧＡＷＡＲＡ</t>
    <phoneticPr fontId="1"/>
  </si>
  <si>
    <t>湯河原町宮上７４２</t>
    <rPh sb="0" eb="4">
      <t>ユガワラマチ</t>
    </rPh>
    <phoneticPr fontId="1"/>
  </si>
  <si>
    <t>第040984号</t>
    <rPh sb="0" eb="1">
      <t>ダイ</t>
    </rPh>
    <rPh sb="7" eb="8">
      <t>ゴウ</t>
    </rPh>
    <phoneticPr fontId="1"/>
  </si>
  <si>
    <t>ザ・ベイフォレスト小田原・ヒルトンクラブ</t>
  </si>
  <si>
    <t>箱根町仙石原１２４６番地１３０</t>
    <phoneticPr fontId="1"/>
  </si>
  <si>
    <t>ＲＯＵＴＥ　９９　ＹＵＭＯＴＯ</t>
    <phoneticPr fontId="1"/>
  </si>
  <si>
    <t>箱根町湯本２０４－２－１　ＨＹグリシーナ　１Ｆ１０２号室</t>
    <rPh sb="0" eb="3">
      <t>ハコネマチ</t>
    </rPh>
    <phoneticPr fontId="1"/>
  </si>
  <si>
    <t>第040991号</t>
    <rPh sb="0" eb="1">
      <t>ダイ</t>
    </rPh>
    <rPh sb="7" eb="8">
      <t>ゴウ</t>
    </rPh>
    <phoneticPr fontId="1"/>
  </si>
  <si>
    <t>三菱電機ビルソリューションズ箱根宮ノ下荘</t>
    <phoneticPr fontId="1"/>
  </si>
  <si>
    <t>ホテルとざんコンフォート小田原</t>
    <phoneticPr fontId="1"/>
  </si>
  <si>
    <t>ｈａｍａ　ｎｏ　ｉｅ</t>
    <phoneticPr fontId="1"/>
  </si>
  <si>
    <t>湯河原町吉浜１３３６－３４</t>
    <rPh sb="0" eb="4">
      <t>ユガワラマチ</t>
    </rPh>
    <phoneticPr fontId="1"/>
  </si>
  <si>
    <t>第040992号</t>
    <rPh sb="0" eb="1">
      <t>ダイ</t>
    </rPh>
    <rPh sb="7" eb="8">
      <t>ゴウ</t>
    </rPh>
    <phoneticPr fontId="1"/>
  </si>
  <si>
    <t>Ｒｏｃｋｉｎ’　Ｖｉｌｌａｇｅ</t>
    <phoneticPr fontId="1"/>
  </si>
  <si>
    <t>真鶴町岩４８４番地</t>
    <rPh sb="0" eb="2">
      <t>マナヅル</t>
    </rPh>
    <rPh sb="2" eb="3">
      <t>マチ</t>
    </rPh>
    <phoneticPr fontId="1"/>
  </si>
  <si>
    <t>第040994号</t>
    <rPh sb="0" eb="1">
      <t>ダイ</t>
    </rPh>
    <rPh sb="7" eb="8">
      <t>ゴウ</t>
    </rPh>
    <phoneticPr fontId="1"/>
  </si>
  <si>
    <t>Ｗｏｒｋｃａｔｉｏｎ　Ｈｏｕｓｅ　Ｕ</t>
    <phoneticPr fontId="1"/>
  </si>
  <si>
    <t>小田原市根府川７７－１</t>
    <rPh sb="0" eb="4">
      <t>オダワラシ</t>
    </rPh>
    <phoneticPr fontId="1"/>
  </si>
  <si>
    <t>第040995号</t>
    <rPh sb="0" eb="1">
      <t>ダイ</t>
    </rPh>
    <rPh sb="7" eb="8">
      <t>ゴウ</t>
    </rPh>
    <phoneticPr fontId="1"/>
  </si>
  <si>
    <t>ＫＯＩ　ＨＡＫＯＮＥ　湖水</t>
    <phoneticPr fontId="1"/>
  </si>
  <si>
    <t>箱根町元箱根９３－１４９</t>
    <rPh sb="0" eb="3">
      <t>ハコネマチ</t>
    </rPh>
    <phoneticPr fontId="1"/>
  </si>
  <si>
    <t>第040996号</t>
    <rPh sb="0" eb="1">
      <t>ダイ</t>
    </rPh>
    <rPh sb="7" eb="8">
      <t>ゴウ</t>
    </rPh>
    <phoneticPr fontId="1"/>
  </si>
  <si>
    <t>ＫＯＩ　ＨＡＫＯＮＥ　富士見</t>
    <phoneticPr fontId="1"/>
  </si>
  <si>
    <t>箱根町箱根５２７－７４</t>
    <rPh sb="0" eb="3">
      <t>ハコネマチ</t>
    </rPh>
    <phoneticPr fontId="1"/>
  </si>
  <si>
    <t>第040997号</t>
    <rPh sb="0" eb="1">
      <t>ダイ</t>
    </rPh>
    <rPh sb="7" eb="8">
      <t>ゴウ</t>
    </rPh>
    <phoneticPr fontId="1"/>
  </si>
  <si>
    <t>金閣荘</t>
    <phoneticPr fontId="1"/>
  </si>
  <si>
    <t>箱根町強羅１３２０番地の６０１</t>
    <rPh sb="0" eb="3">
      <t>ハコネマチ</t>
    </rPh>
    <phoneticPr fontId="1"/>
  </si>
  <si>
    <t>第040999号</t>
    <rPh sb="0" eb="1">
      <t>ダイ</t>
    </rPh>
    <rPh sb="7" eb="8">
      <t>ゴウ</t>
    </rPh>
    <phoneticPr fontId="1"/>
  </si>
  <si>
    <t>スイートヴィラ　四季ｔｅｒｒａｃｅ箱根仙石原</t>
    <phoneticPr fontId="1"/>
  </si>
  <si>
    <t>箱根町仙石原１２８６番地４３</t>
    <rPh sb="0" eb="3">
      <t>ハコネマチ</t>
    </rPh>
    <phoneticPr fontId="1"/>
  </si>
  <si>
    <t>第041000号</t>
    <rPh sb="0" eb="1">
      <t>ダイ</t>
    </rPh>
    <rPh sb="7" eb="8">
      <t>ゴウ</t>
    </rPh>
    <phoneticPr fontId="1"/>
  </si>
  <si>
    <t>ペンション芦ノ湖グリーンハウス</t>
    <phoneticPr fontId="1"/>
  </si>
  <si>
    <t>箱寝荘</t>
    <phoneticPr fontId="1"/>
  </si>
  <si>
    <t>箱根町湯本４６２－１２</t>
    <rPh sb="0" eb="2">
      <t>ハコネ</t>
    </rPh>
    <rPh sb="2" eb="3">
      <t>マチ</t>
    </rPh>
    <phoneticPr fontId="1"/>
  </si>
  <si>
    <t>第041004号</t>
    <rPh sb="0" eb="1">
      <t>ダイ</t>
    </rPh>
    <rPh sb="7" eb="8">
      <t>ゴウ</t>
    </rPh>
    <phoneticPr fontId="1"/>
  </si>
  <si>
    <t>上野屋　別邸</t>
    <phoneticPr fontId="1"/>
  </si>
  <si>
    <t>湯河原町宮上５３９－３</t>
    <rPh sb="0" eb="4">
      <t>ユガワラマチ</t>
    </rPh>
    <phoneticPr fontId="1"/>
  </si>
  <si>
    <t>第041002号</t>
    <rPh sb="0" eb="1">
      <t>ダイ</t>
    </rPh>
    <rPh sb="7" eb="8">
      <t>ゴウ</t>
    </rPh>
    <phoneticPr fontId="1"/>
  </si>
  <si>
    <t>箱根町大平台５４４－１０</t>
    <phoneticPr fontId="1"/>
  </si>
  <si>
    <t>箱根　花紋</t>
    <phoneticPr fontId="1"/>
  </si>
  <si>
    <t>はつはな</t>
    <phoneticPr fontId="1"/>
  </si>
  <si>
    <t>箱根町仙石原９３４－２９</t>
    <rPh sb="0" eb="3">
      <t>ハコネマチ</t>
    </rPh>
    <phoneticPr fontId="1"/>
  </si>
  <si>
    <t>箱根大平台温泉　湯の花</t>
    <phoneticPr fontId="1"/>
  </si>
  <si>
    <t>Ｍａｎａｚｕｒｕ真凛</t>
    <phoneticPr fontId="1"/>
  </si>
  <si>
    <t>真鶴町真鶴１２００－６</t>
    <rPh sb="0" eb="2">
      <t>マナヅル</t>
    </rPh>
    <rPh sb="2" eb="3">
      <t>マチ</t>
    </rPh>
    <phoneticPr fontId="1"/>
  </si>
  <si>
    <t>第041010号</t>
    <rPh sb="0" eb="1">
      <t>ダイ</t>
    </rPh>
    <rPh sb="7" eb="8">
      <t>ゴウ</t>
    </rPh>
    <phoneticPr fontId="1"/>
  </si>
  <si>
    <t>鴨宮ステーションホテル</t>
    <phoneticPr fontId="1"/>
  </si>
  <si>
    <t>小田原市南鴨宮三丁目５０番７号</t>
    <rPh sb="0" eb="4">
      <t>オダワラシ</t>
    </rPh>
    <phoneticPr fontId="1"/>
  </si>
  <si>
    <t>第041009号</t>
    <rPh sb="0" eb="1">
      <t>ダイ</t>
    </rPh>
    <rPh sb="7" eb="8">
      <t>ゴウ</t>
    </rPh>
    <phoneticPr fontId="1"/>
  </si>
  <si>
    <t>クリンゲルベア</t>
    <phoneticPr fontId="1"/>
  </si>
  <si>
    <t>箱根町元箱根１６０－５０</t>
    <phoneticPr fontId="1"/>
  </si>
  <si>
    <t>第041015号</t>
    <phoneticPr fontId="1"/>
  </si>
  <si>
    <t>箱根町仙石原６１２－２</t>
    <phoneticPr fontId="1"/>
  </si>
  <si>
    <t>箱根わんこ亭　ゆにわ</t>
    <phoneticPr fontId="1"/>
  </si>
  <si>
    <t>第041013号</t>
    <phoneticPr fontId="1"/>
  </si>
  <si>
    <t>箱根町湯本３４１－１</t>
    <phoneticPr fontId="1"/>
  </si>
  <si>
    <t>箱根湯本　ホテル明日香</t>
    <phoneticPr fontId="1"/>
  </si>
  <si>
    <t>第041011号</t>
    <phoneticPr fontId="1"/>
  </si>
  <si>
    <t>箱根町強羅1300番地</t>
    <phoneticPr fontId="1"/>
  </si>
  <si>
    <t>箱根町強羅１３００－４２８</t>
    <phoneticPr fontId="1"/>
  </si>
  <si>
    <t>第041006号</t>
    <phoneticPr fontId="1"/>
  </si>
  <si>
    <t>強羅ｂａｓｅ　Ｂ棟</t>
    <phoneticPr fontId="1"/>
  </si>
  <si>
    <t>湯河原町宮上235</t>
    <phoneticPr fontId="1"/>
  </si>
  <si>
    <t>湯河原町宮上２５６－１</t>
    <phoneticPr fontId="1"/>
  </si>
  <si>
    <t>＆ｓｔａｙ　ミツビシソウ</t>
  </si>
  <si>
    <t>第041012号</t>
    <phoneticPr fontId="1"/>
  </si>
  <si>
    <t>湯河原町宮上５３０</t>
    <phoneticPr fontId="1"/>
  </si>
  <si>
    <t>湯河原町宮上５３５</t>
    <phoneticPr fontId="1"/>
  </si>
  <si>
    <t>夢十夜</t>
    <phoneticPr fontId="1"/>
  </si>
  <si>
    <t>第040998号</t>
    <phoneticPr fontId="1"/>
  </si>
  <si>
    <t>箱根町仙石原９５６番地８</t>
    <phoneticPr fontId="1"/>
  </si>
  <si>
    <t>夢ごこちの宿月の花　梟</t>
    <phoneticPr fontId="1"/>
  </si>
  <si>
    <t>第041003号</t>
    <phoneticPr fontId="1"/>
  </si>
  <si>
    <t>湯河原町吉浜２０３０－２９</t>
    <phoneticPr fontId="1"/>
  </si>
  <si>
    <t>湯河原町吉浜２０３１－２９</t>
    <phoneticPr fontId="1"/>
  </si>
  <si>
    <t>歩羅无　湯河原</t>
    <phoneticPr fontId="1"/>
  </si>
  <si>
    <t>第041019号</t>
    <phoneticPr fontId="1"/>
  </si>
  <si>
    <t>箱根町仙石原１０１５－３</t>
    <phoneticPr fontId="1"/>
  </si>
  <si>
    <t>箱根町仙石原４３５－３</t>
    <phoneticPr fontId="1"/>
  </si>
  <si>
    <t>樹蘭焦　箱根仙石原</t>
  </si>
  <si>
    <t>第041016号</t>
    <phoneticPr fontId="1"/>
  </si>
  <si>
    <t>ホテル森の風　箱根仙石原</t>
    <phoneticPr fontId="1"/>
  </si>
  <si>
    <t>第041014号</t>
    <phoneticPr fontId="1"/>
  </si>
  <si>
    <t>箱根町仙石原１２８５－４６６ヴィラソレイユ２０２号</t>
    <phoneticPr fontId="1"/>
  </si>
  <si>
    <t>Ａ未来・花の影</t>
  </si>
  <si>
    <t>第041020号</t>
    <phoneticPr fontId="1"/>
  </si>
  <si>
    <t>箱根町元箱根７０</t>
    <phoneticPr fontId="1"/>
  </si>
  <si>
    <t>Ｌａｋｅ　Ｓｉｄｅ　Ｉｎｎ　ＭＩＲＡＨＡＫＯＮＥ</t>
    <phoneticPr fontId="1"/>
  </si>
  <si>
    <t>第041017号</t>
    <phoneticPr fontId="1"/>
  </si>
  <si>
    <t>スイートヴィラ箱根強羅</t>
    <phoneticPr fontId="1"/>
  </si>
  <si>
    <t>Ａｓａｎｔｅ　Ａｎｎｅｘ　１</t>
  </si>
  <si>
    <t>Ａｓａｎｔｅ　Ａｎｎｅｘ　２</t>
    <phoneticPr fontId="1"/>
  </si>
  <si>
    <t>箱根町仙石原大原８１７番４４４</t>
    <phoneticPr fontId="1"/>
  </si>
  <si>
    <t>舜山荘　元箱根</t>
    <phoneticPr fontId="1"/>
  </si>
  <si>
    <t>箱根町元箱根１０３番地５２１</t>
    <rPh sb="0" eb="3">
      <t>ハコネマチ</t>
    </rPh>
    <phoneticPr fontId="1"/>
  </si>
  <si>
    <t>第041030号</t>
    <rPh sb="0" eb="1">
      <t>ダイ</t>
    </rPh>
    <rPh sb="7" eb="8">
      <t>ゴウ</t>
    </rPh>
    <phoneticPr fontId="1"/>
  </si>
  <si>
    <t>礎生塾</t>
    <phoneticPr fontId="1"/>
  </si>
  <si>
    <t>箱根町湯本５０６番地</t>
    <rPh sb="0" eb="3">
      <t>ハコネマチ</t>
    </rPh>
    <phoneticPr fontId="1"/>
  </si>
  <si>
    <t>第041024号</t>
    <rPh sb="0" eb="1">
      <t>ダイ</t>
    </rPh>
    <rPh sb="7" eb="8">
      <t>ゴウ</t>
    </rPh>
    <phoneticPr fontId="1"/>
  </si>
  <si>
    <t>ゲストハウス　ＢＬＵＥ　ＴＲＥＥ</t>
    <phoneticPr fontId="1"/>
  </si>
  <si>
    <t>真鶴町真鶴４５１－１２</t>
    <rPh sb="0" eb="2">
      <t>マナヅル</t>
    </rPh>
    <rPh sb="2" eb="3">
      <t>マチ</t>
    </rPh>
    <phoneticPr fontId="1"/>
  </si>
  <si>
    <t>第041028号</t>
    <rPh sb="0" eb="1">
      <t>ダイ</t>
    </rPh>
    <rPh sb="7" eb="8">
      <t>ゴウ</t>
    </rPh>
    <phoneticPr fontId="1"/>
  </si>
  <si>
    <t>湯河原町宮上６８３－８</t>
    <rPh sb="0" eb="3">
      <t>ユガワラ</t>
    </rPh>
    <rPh sb="3" eb="4">
      <t>マチ</t>
    </rPh>
    <phoneticPr fontId="1"/>
  </si>
  <si>
    <t>第041029号</t>
    <rPh sb="0" eb="1">
      <t>ダイ</t>
    </rPh>
    <rPh sb="7" eb="8">
      <t>ゴウ</t>
    </rPh>
    <phoneticPr fontId="1"/>
  </si>
  <si>
    <t>第040512号</t>
    <phoneticPr fontId="1"/>
  </si>
  <si>
    <t>金乃竹　茶寮</t>
    <phoneticPr fontId="1"/>
  </si>
  <si>
    <t>箱根町仙石原８１７－４６０</t>
    <rPh sb="0" eb="3">
      <t>ハコネマチ</t>
    </rPh>
    <phoneticPr fontId="1"/>
  </si>
  <si>
    <t>第041021号</t>
    <rPh sb="0" eb="1">
      <t>ダイ</t>
    </rPh>
    <rPh sb="7" eb="8">
      <t>ゴウ</t>
    </rPh>
    <phoneticPr fontId="1"/>
  </si>
  <si>
    <t>箱根町仙石原１２８５－４６６ヴィラソレイユ箱根４０３</t>
    <rPh sb="0" eb="3">
      <t>ハコネマチ</t>
    </rPh>
    <phoneticPr fontId="1"/>
  </si>
  <si>
    <t>第041025号</t>
    <rPh sb="0" eb="1">
      <t>ダイ</t>
    </rPh>
    <rPh sb="7" eb="8">
      <t>ゴウ</t>
    </rPh>
    <phoneticPr fontId="1"/>
  </si>
  <si>
    <t>ＨＡＫＯＮＥ　Ｖｉｌｌａ　ＴＯＧＡ</t>
    <phoneticPr fontId="1"/>
  </si>
  <si>
    <t>箱根町二ノ平１２９７－１４３</t>
    <rPh sb="0" eb="3">
      <t>ハコネマチ</t>
    </rPh>
    <phoneticPr fontId="1"/>
  </si>
  <si>
    <t>第041027号</t>
    <rPh sb="0" eb="1">
      <t>ダイ</t>
    </rPh>
    <rPh sb="7" eb="8">
      <t>ゴウ</t>
    </rPh>
    <phoneticPr fontId="1"/>
  </si>
  <si>
    <t>Ｋａｙａ仙石原</t>
    <phoneticPr fontId="1"/>
  </si>
  <si>
    <t>箱根町仙石原８１７－６３１</t>
    <rPh sb="0" eb="3">
      <t>ハコネマチ</t>
    </rPh>
    <phoneticPr fontId="1"/>
  </si>
  <si>
    <t>第041032号</t>
    <rPh sb="0" eb="1">
      <t>ダイ</t>
    </rPh>
    <rPh sb="7" eb="8">
      <t>ゴウ</t>
    </rPh>
    <phoneticPr fontId="1"/>
  </si>
  <si>
    <t>ヴィアレッタ真鶴</t>
    <phoneticPr fontId="1"/>
  </si>
  <si>
    <t>真鶴町真鶴３６３－１</t>
    <rPh sb="0" eb="2">
      <t>マナヅル</t>
    </rPh>
    <rPh sb="2" eb="3">
      <t>マチ</t>
    </rPh>
    <phoneticPr fontId="1"/>
  </si>
  <si>
    <t>第041033号</t>
    <rPh sb="0" eb="1">
      <t>ダイ</t>
    </rPh>
    <rPh sb="7" eb="8">
      <t>ゴウ</t>
    </rPh>
    <phoneticPr fontId="1"/>
  </si>
  <si>
    <t>舜芦　芦ノ湖</t>
    <phoneticPr fontId="1"/>
  </si>
  <si>
    <t>箱根町箱根３１７－１</t>
    <rPh sb="0" eb="3">
      <t>ハコネマチ</t>
    </rPh>
    <phoneticPr fontId="1"/>
  </si>
  <si>
    <t>第041034号</t>
    <rPh sb="0" eb="1">
      <t>ダイ</t>
    </rPh>
    <rPh sb="7" eb="8">
      <t>ゴウ</t>
    </rPh>
    <phoneticPr fontId="1"/>
  </si>
  <si>
    <t>はこヴィラ</t>
    <phoneticPr fontId="1"/>
  </si>
  <si>
    <t>箱根町芦之湯８４－５５</t>
    <rPh sb="0" eb="3">
      <t>ハコネマチ</t>
    </rPh>
    <phoneticPr fontId="1"/>
  </si>
  <si>
    <t>第041041号</t>
    <rPh sb="0" eb="1">
      <t>ダイ</t>
    </rPh>
    <rPh sb="7" eb="8">
      <t>ゴウ</t>
    </rPh>
    <phoneticPr fontId="1"/>
  </si>
  <si>
    <t>夢ＨＡＫＯＮＥ　Ｖｉｌｌａ</t>
    <phoneticPr fontId="1"/>
  </si>
  <si>
    <t>箱根町箱根７６番地２</t>
    <rPh sb="0" eb="3">
      <t>ハコネマチ</t>
    </rPh>
    <phoneticPr fontId="1"/>
  </si>
  <si>
    <t>第041037号</t>
    <rPh sb="0" eb="1">
      <t>ダイ</t>
    </rPh>
    <rPh sb="7" eb="8">
      <t>ゴウ</t>
    </rPh>
    <phoneticPr fontId="1"/>
  </si>
  <si>
    <t>ＬＩＮＫＡＧＥ　ＳＴＡＹ　ＨＡＫＯＮＥ　ＹＵＭＯＴＯ</t>
    <phoneticPr fontId="1"/>
  </si>
  <si>
    <t>箱根町湯本３６６－９</t>
    <rPh sb="0" eb="3">
      <t>ハコネマチ</t>
    </rPh>
    <phoneticPr fontId="1"/>
  </si>
  <si>
    <t>第041038号</t>
    <rPh sb="0" eb="1">
      <t>ダイ</t>
    </rPh>
    <rPh sb="7" eb="8">
      <t>ゴウ</t>
    </rPh>
    <phoneticPr fontId="1"/>
  </si>
  <si>
    <t>Ａ未来・１０２</t>
    <phoneticPr fontId="1"/>
  </si>
  <si>
    <t>箱根町仙石原１２８５－４６６ヴィラソレイユ箱根１０２</t>
    <rPh sb="0" eb="3">
      <t>ハコネマチ</t>
    </rPh>
    <phoneticPr fontId="1"/>
  </si>
  <si>
    <t>第041040号</t>
    <rPh sb="0" eb="1">
      <t>ダイ</t>
    </rPh>
    <rPh sb="7" eb="8">
      <t>ゴウ</t>
    </rPh>
    <phoneticPr fontId="1"/>
  </si>
  <si>
    <t>ホテルドレイク</t>
    <phoneticPr fontId="1"/>
  </si>
  <si>
    <t>小田原市南鴨宮３－５－２</t>
    <rPh sb="0" eb="4">
      <t>オダワラシ</t>
    </rPh>
    <phoneticPr fontId="1"/>
  </si>
  <si>
    <t>第041039号</t>
    <rPh sb="0" eb="1">
      <t>ダイ</t>
    </rPh>
    <rPh sb="7" eb="8">
      <t>ゴウ</t>
    </rPh>
    <phoneticPr fontId="1"/>
  </si>
  <si>
    <t>湯河原町吉浜字起請畑地内吉浜１９２１番１２</t>
    <rPh sb="0" eb="4">
      <t>ユガワラマチ</t>
    </rPh>
    <phoneticPr fontId="1"/>
  </si>
  <si>
    <t>Ｔｈｅ　Ｂｏｏｘ　ｙｕｇａｗａｒａ</t>
    <phoneticPr fontId="1"/>
  </si>
  <si>
    <t>第041035号</t>
    <rPh sb="0" eb="1">
      <t>ダイ</t>
    </rPh>
    <rPh sb="7" eb="8">
      <t>ゴウ</t>
    </rPh>
    <phoneticPr fontId="1"/>
  </si>
  <si>
    <t>Ｃｏｃｏ桜</t>
    <phoneticPr fontId="1"/>
  </si>
  <si>
    <t>箱根町大平台４４８番地</t>
    <rPh sb="0" eb="3">
      <t>ハコネマチ</t>
    </rPh>
    <phoneticPr fontId="1"/>
  </si>
  <si>
    <t>第041036号</t>
    <rPh sb="0" eb="1">
      <t>ダイ</t>
    </rPh>
    <rPh sb="7" eb="8">
      <t>ゴウ</t>
    </rPh>
    <phoneticPr fontId="1"/>
  </si>
  <si>
    <t>箱根町元箱根１５９－７１</t>
    <phoneticPr fontId="1"/>
  </si>
  <si>
    <t>箱根七福荘</t>
    <phoneticPr fontId="1"/>
  </si>
  <si>
    <t>第041023号</t>
    <phoneticPr fontId="1"/>
  </si>
  <si>
    <t>真鶴町真鶴７８５－２</t>
    <phoneticPr fontId="1"/>
  </si>
  <si>
    <t>真鶴町真鶴７８６－１</t>
    <rPh sb="0" eb="3">
      <t>マナヅルマチ</t>
    </rPh>
    <phoneticPr fontId="1"/>
  </si>
  <si>
    <t>第040095号</t>
    <phoneticPr fontId="1"/>
  </si>
  <si>
    <t>第041047号</t>
    <phoneticPr fontId="1"/>
  </si>
  <si>
    <t>箱根町仙石原８９２－３</t>
    <rPh sb="0" eb="3">
      <t>ハコネマチ</t>
    </rPh>
    <phoneticPr fontId="1"/>
  </si>
  <si>
    <t>グランピングサウナ箱根</t>
    <phoneticPr fontId="1"/>
  </si>
  <si>
    <t>第040173号</t>
    <phoneticPr fontId="1"/>
  </si>
  <si>
    <t>第041049号</t>
    <phoneticPr fontId="1"/>
  </si>
  <si>
    <t>箱根町湯本４４３番２</t>
    <rPh sb="0" eb="3">
      <t>ハコネマチ</t>
    </rPh>
    <phoneticPr fontId="1"/>
  </si>
  <si>
    <t>湯本早雲</t>
    <phoneticPr fontId="1"/>
  </si>
  <si>
    <t>第040311号</t>
    <phoneticPr fontId="1"/>
  </si>
  <si>
    <t>第041048号</t>
    <phoneticPr fontId="1"/>
  </si>
  <si>
    <t>箱根町小涌谷４３９－２</t>
    <rPh sb="0" eb="3">
      <t>ハコネマチ</t>
    </rPh>
    <phoneticPr fontId="1"/>
  </si>
  <si>
    <t>モリトソラ　箱根</t>
    <phoneticPr fontId="1"/>
  </si>
  <si>
    <t>第040448号</t>
    <phoneticPr fontId="1"/>
  </si>
  <si>
    <t>第041045号</t>
    <phoneticPr fontId="1"/>
  </si>
  <si>
    <t>箱根町仙石原１２４５－２８８</t>
    <phoneticPr fontId="1"/>
  </si>
  <si>
    <t>湯河原町吉浜１９９６－９１</t>
    <rPh sb="0" eb="4">
      <t>ユガワラマチ</t>
    </rPh>
    <phoneticPr fontId="1"/>
  </si>
  <si>
    <t>ＹＵＧＡＷＡＲＡ　ＶＡＣＡＴＩＯＮ　ＨＯＵＳＥ</t>
    <phoneticPr fontId="1"/>
  </si>
  <si>
    <t>第041060号</t>
    <phoneticPr fontId="1"/>
  </si>
  <si>
    <t>箱根ホテル小涌園</t>
    <phoneticPr fontId="1"/>
  </si>
  <si>
    <t>箱根町二ノ平１２９７</t>
    <rPh sb="0" eb="3">
      <t>ハコネマチ</t>
    </rPh>
    <phoneticPr fontId="1"/>
  </si>
  <si>
    <t>第040218号</t>
    <phoneticPr fontId="1"/>
  </si>
  <si>
    <t>第041054号</t>
    <phoneticPr fontId="1"/>
  </si>
  <si>
    <t>真鶴町真鶴１６８７－１</t>
    <rPh sb="0" eb="3">
      <t>マナヅルマチ</t>
    </rPh>
    <phoneticPr fontId="1"/>
  </si>
  <si>
    <t>鶴吉川温泉ホテル</t>
    <phoneticPr fontId="1"/>
  </si>
  <si>
    <t>第041052号</t>
    <phoneticPr fontId="1"/>
  </si>
  <si>
    <t>箱根町箱根４３３－１３</t>
    <rPh sb="0" eb="3">
      <t>ハコネマチ</t>
    </rPh>
    <phoneticPr fontId="1"/>
  </si>
  <si>
    <t>ＹＯＩＣＨＩ　ｉｎｎ　ＨＡＫＯＮＥ</t>
    <phoneticPr fontId="1"/>
  </si>
  <si>
    <t>第040208号</t>
    <phoneticPr fontId="1"/>
  </si>
  <si>
    <t>第041053号</t>
    <phoneticPr fontId="1"/>
  </si>
  <si>
    <t>真鶴町真鶴１０１５－１９</t>
    <rPh sb="0" eb="3">
      <t>マナヅルマチ</t>
    </rPh>
    <phoneticPr fontId="1"/>
  </si>
  <si>
    <t>シルヴァーナ　真鶴</t>
    <phoneticPr fontId="1"/>
  </si>
  <si>
    <t>第041056号</t>
    <phoneticPr fontId="1"/>
  </si>
  <si>
    <t>マイオーリ　真鶴</t>
    <phoneticPr fontId="1"/>
  </si>
  <si>
    <t>真鶴町真鶴１０１５－２０</t>
    <rPh sb="0" eb="3">
      <t>マナヅルマチ</t>
    </rPh>
    <phoneticPr fontId="1"/>
  </si>
  <si>
    <t>第041057号</t>
  </si>
  <si>
    <t>真鶴町岩１８７</t>
    <rPh sb="0" eb="3">
      <t>マナヅルマチ</t>
    </rPh>
    <phoneticPr fontId="1"/>
  </si>
  <si>
    <t>サンレモ　真鶴</t>
    <phoneticPr fontId="1"/>
  </si>
  <si>
    <t>第040228号</t>
    <phoneticPr fontId="1"/>
  </si>
  <si>
    <t>第041058号</t>
    <phoneticPr fontId="1"/>
  </si>
  <si>
    <t>真鶴町岩３２５－８</t>
    <rPh sb="0" eb="3">
      <t>マナヅルマチ</t>
    </rPh>
    <phoneticPr fontId="1"/>
  </si>
  <si>
    <t>エンプレス　真鶴</t>
    <phoneticPr fontId="1"/>
  </si>
  <si>
    <t>第041059号</t>
    <phoneticPr fontId="1"/>
  </si>
  <si>
    <t>箱根町強羅１３２０－７２</t>
    <phoneticPr fontId="1"/>
  </si>
  <si>
    <t>箱根町強羅１３２０－７３８</t>
    <phoneticPr fontId="1"/>
  </si>
  <si>
    <t>ＭＯＮＳ　ＧＯＲＡ</t>
    <phoneticPr fontId="1"/>
  </si>
  <si>
    <t>第040490号</t>
    <phoneticPr fontId="1"/>
  </si>
  <si>
    <t>第041043号</t>
    <phoneticPr fontId="1"/>
  </si>
  <si>
    <t>箱根町仙石原１２４６－２９６</t>
    <phoneticPr fontId="1"/>
  </si>
  <si>
    <t>箱根町仙石原１２４６－４２５</t>
    <phoneticPr fontId="1"/>
  </si>
  <si>
    <t>小田原はたご　仙石荘</t>
    <phoneticPr fontId="1"/>
  </si>
  <si>
    <t>第040474号</t>
    <phoneticPr fontId="1"/>
  </si>
  <si>
    <t>第041046号</t>
    <phoneticPr fontId="1"/>
  </si>
  <si>
    <t>箱根町仙石原５０２番地</t>
    <phoneticPr fontId="1"/>
  </si>
  <si>
    <t>ホテル仙石原５３３　ｖｉｌｌａ　Ａ－１</t>
    <phoneticPr fontId="1"/>
  </si>
  <si>
    <t>第041051号</t>
    <phoneticPr fontId="1"/>
  </si>
  <si>
    <t>箱根　花水木荘</t>
    <phoneticPr fontId="1"/>
  </si>
  <si>
    <t>ＨＥＳＴＡ　箱根</t>
    <phoneticPr fontId="1"/>
  </si>
  <si>
    <t>箱根町元箱根１５９－２０５</t>
    <phoneticPr fontId="1"/>
  </si>
  <si>
    <t>箱根町仙石原５２７番２号</t>
    <phoneticPr fontId="1"/>
  </si>
  <si>
    <t>箱根町仙石原１２４６－２３９</t>
    <phoneticPr fontId="1"/>
  </si>
  <si>
    <t>箱音のお宿　なちゅら</t>
    <phoneticPr fontId="1"/>
  </si>
  <si>
    <t>第041050号</t>
    <phoneticPr fontId="1"/>
  </si>
  <si>
    <t>湯河原町吉浜１０９－５</t>
    <rPh sb="0" eb="4">
      <t>ユガワラマチ</t>
    </rPh>
    <phoneticPr fontId="1"/>
  </si>
  <si>
    <t>ＳＥＶＥＮ　ＳＥＡＳ</t>
    <phoneticPr fontId="1"/>
  </si>
  <si>
    <t>第041065号</t>
    <phoneticPr fontId="1"/>
  </si>
  <si>
    <t>箱根町元箱根２１番１</t>
    <phoneticPr fontId="1"/>
  </si>
  <si>
    <t>箱根御泊処－庵－</t>
    <phoneticPr fontId="1"/>
  </si>
  <si>
    <t>第041061号</t>
    <phoneticPr fontId="1"/>
  </si>
  <si>
    <t>真鶴町真鶴５２２</t>
    <rPh sb="0" eb="3">
      <t>マナヅルマチ</t>
    </rPh>
    <phoneticPr fontId="1"/>
  </si>
  <si>
    <t>谷平ワーケーション</t>
    <phoneticPr fontId="1"/>
  </si>
  <si>
    <t>第041031号</t>
    <phoneticPr fontId="1"/>
  </si>
  <si>
    <t>湯河原町宮上５１７</t>
    <phoneticPr fontId="1"/>
  </si>
  <si>
    <t>巛－ｓｅｎ－湯河原</t>
    <phoneticPr fontId="1"/>
  </si>
  <si>
    <t>第041055号</t>
    <phoneticPr fontId="1"/>
  </si>
  <si>
    <t>箱根町仙石原１２８５－４６６</t>
    <rPh sb="0" eb="3">
      <t>ハコネマチ</t>
    </rPh>
    <phoneticPr fontId="1"/>
  </si>
  <si>
    <t>Ａ未来・２０４、Ａ未来・２０５</t>
    <phoneticPr fontId="1"/>
  </si>
  <si>
    <t>第041073号</t>
    <phoneticPr fontId="1"/>
  </si>
  <si>
    <t>箱根町仙石原３４３－１</t>
    <rPh sb="0" eb="3">
      <t>ハコネマチ</t>
    </rPh>
    <phoneticPr fontId="1"/>
  </si>
  <si>
    <t>ｒｏｏｔ　ｈａｋｏｎｅ</t>
    <phoneticPr fontId="1"/>
  </si>
  <si>
    <t>第041074号</t>
    <phoneticPr fontId="1"/>
  </si>
  <si>
    <t>ルクス箱根湯本</t>
    <phoneticPr fontId="1"/>
  </si>
  <si>
    <t>箱根町湯本茶屋５番</t>
    <rPh sb="0" eb="3">
      <t>ハコネマチ</t>
    </rPh>
    <phoneticPr fontId="1"/>
  </si>
  <si>
    <t>第040077号</t>
    <phoneticPr fontId="1"/>
  </si>
  <si>
    <t>第041070号</t>
    <phoneticPr fontId="1"/>
  </si>
  <si>
    <t>箱根町二ノ平１２９７－１４１</t>
    <phoneticPr fontId="1"/>
  </si>
  <si>
    <t>箱根御泊処－縁－</t>
    <phoneticPr fontId="1"/>
  </si>
  <si>
    <t>第041064号</t>
    <phoneticPr fontId="1"/>
  </si>
  <si>
    <t>箱根町仙石原２７８－９</t>
    <rPh sb="0" eb="3">
      <t>ハコネマチ</t>
    </rPh>
    <phoneticPr fontId="1"/>
  </si>
  <si>
    <t>貸切古民家　有閑</t>
    <phoneticPr fontId="1"/>
  </si>
  <si>
    <t>第041068号</t>
    <phoneticPr fontId="1"/>
  </si>
  <si>
    <t>箱根町元箱根１５９－２１８</t>
    <rPh sb="0" eb="3">
      <t>ハコネマチ</t>
    </rPh>
    <phoneticPr fontId="1"/>
  </si>
  <si>
    <t>箱根芦ノ湖　美景館</t>
    <phoneticPr fontId="1"/>
  </si>
  <si>
    <t>第041067号</t>
    <phoneticPr fontId="1"/>
  </si>
  <si>
    <t>ＬＡＩＳＳＥ　ＰＡＳＳＥ　箱根（ＨＡＫＯＮＥ）</t>
    <phoneticPr fontId="1"/>
  </si>
  <si>
    <t>箱根　月乃庄</t>
    <phoneticPr fontId="1"/>
  </si>
  <si>
    <t>ヴィラソレイユ箱根　Ａ未来・１０４</t>
    <phoneticPr fontId="1"/>
  </si>
  <si>
    <t>ヴィラソレイユ箱根　Ａ未来・１０５</t>
    <phoneticPr fontId="1"/>
  </si>
  <si>
    <t>ヴィラソレイユ箱根　Ａ未来・４０２</t>
    <phoneticPr fontId="1"/>
  </si>
  <si>
    <t>第041081号</t>
    <phoneticPr fontId="1"/>
  </si>
  <si>
    <t>第041082号</t>
  </si>
  <si>
    <t>箱根町元箱根１６０－１００</t>
    <rPh sb="0" eb="3">
      <t>ハコネマチ</t>
    </rPh>
    <phoneticPr fontId="1"/>
  </si>
  <si>
    <t>ＨＡＫＯＮＥ　ＤＯＭＡ</t>
    <phoneticPr fontId="1"/>
  </si>
  <si>
    <t>第041084号</t>
    <phoneticPr fontId="1"/>
  </si>
  <si>
    <t>箱根町湯本５２－３</t>
    <rPh sb="0" eb="3">
      <t>ハコネマチ</t>
    </rPh>
    <phoneticPr fontId="1"/>
  </si>
  <si>
    <t>エミネンス湯本</t>
    <phoneticPr fontId="1"/>
  </si>
  <si>
    <t>第040201号</t>
    <phoneticPr fontId="1"/>
  </si>
  <si>
    <t>第041078号</t>
    <phoneticPr fontId="1"/>
  </si>
  <si>
    <t>箱根町強羅１３０４－７０</t>
    <rPh sb="0" eb="3">
      <t>ハコネマチ</t>
    </rPh>
    <phoneticPr fontId="1"/>
  </si>
  <si>
    <t>箱根町強羅１３０４－８０</t>
    <phoneticPr fontId="1"/>
  </si>
  <si>
    <t>和光荘　Ｈａｒｍｏｎｉｏｕｓ　Ｌｉｇｈｔ　Ｓｏｕｔｈ</t>
    <phoneticPr fontId="1"/>
  </si>
  <si>
    <t>和光荘　Ｈａｒｍｏｎｉｏｕｓ　Ｌｉｇｈｔ　Ｗｅｓｔ</t>
    <phoneticPr fontId="1"/>
  </si>
  <si>
    <t>第040585号</t>
    <phoneticPr fontId="1"/>
  </si>
  <si>
    <t>第041062号</t>
    <phoneticPr fontId="1"/>
  </si>
  <si>
    <t>第041063号</t>
  </si>
  <si>
    <t>箱根町元箱根６－３４</t>
    <rPh sb="0" eb="3">
      <t>ハコネマチ</t>
    </rPh>
    <phoneticPr fontId="1"/>
  </si>
  <si>
    <t>プライベートリゾート芦ノ湖</t>
    <phoneticPr fontId="1"/>
  </si>
  <si>
    <t>第041080号</t>
    <phoneticPr fontId="1"/>
  </si>
  <si>
    <t>箱根町強羅１３００番地２１８</t>
    <rPh sb="0" eb="3">
      <t>ハコネマチ</t>
    </rPh>
    <phoneticPr fontId="1"/>
  </si>
  <si>
    <t>ＳＴＯＶＥ</t>
    <phoneticPr fontId="1"/>
  </si>
  <si>
    <t>第040001号</t>
    <phoneticPr fontId="1"/>
  </si>
  <si>
    <t>第041066号</t>
    <phoneticPr fontId="1"/>
  </si>
  <si>
    <t>箱根町仙石原１２８５－４６６－２０２</t>
    <phoneticPr fontId="1"/>
  </si>
  <si>
    <t>花の影</t>
    <phoneticPr fontId="1"/>
  </si>
  <si>
    <t>第041069号</t>
    <phoneticPr fontId="1"/>
  </si>
  <si>
    <t>箱根町須雲川１０２</t>
    <rPh sb="0" eb="3">
      <t>ハコネマチ</t>
    </rPh>
    <phoneticPr fontId="1"/>
  </si>
  <si>
    <t>箱根町須雲川１０５</t>
    <rPh sb="0" eb="3">
      <t>ハコネマチ</t>
    </rPh>
    <phoneticPr fontId="1"/>
  </si>
  <si>
    <t>ＳＭＡＲＴ　ＶＩＬＬＡ　箱根須雲川　Ｒｉｖｅｒｓｉｄｅ　ＥＡＳＴ</t>
    <phoneticPr fontId="1"/>
  </si>
  <si>
    <t>ＳＭＡＲＴ　ＶＩＬＬＡ　箱根須雲川　Ｒｉｖｅｒｓｉｄｅ　ＷＥＳＴ</t>
    <phoneticPr fontId="1"/>
  </si>
  <si>
    <t>第041075号</t>
    <phoneticPr fontId="1"/>
  </si>
  <si>
    <t>第041076号</t>
  </si>
  <si>
    <t>ゆぽっぽ箱根</t>
    <phoneticPr fontId="1"/>
  </si>
  <si>
    <t>箱根町強羅１３２１－４０５</t>
    <rPh sb="0" eb="3">
      <t>ハコネマチ</t>
    </rPh>
    <phoneticPr fontId="1"/>
  </si>
  <si>
    <t>ａｂｏｄｅ　ｖｉｌｌａ　ＧＯＲＡ　八代別邸</t>
    <phoneticPr fontId="1"/>
  </si>
  <si>
    <t>第041088号</t>
    <phoneticPr fontId="1"/>
  </si>
  <si>
    <t>箱根町箱根２９３</t>
    <rPh sb="0" eb="2">
      <t>ハコネ</t>
    </rPh>
    <rPh sb="2" eb="3">
      <t>マチ</t>
    </rPh>
    <phoneticPr fontId="1"/>
  </si>
  <si>
    <t>箱根－湖月－</t>
    <phoneticPr fontId="1"/>
  </si>
  <si>
    <t>第041089号</t>
    <phoneticPr fontId="1"/>
  </si>
  <si>
    <t>箱根町強羅１３００－６９３</t>
    <rPh sb="0" eb="2">
      <t>ハコネ</t>
    </rPh>
    <rPh sb="2" eb="3">
      <t>マチ</t>
    </rPh>
    <phoneticPr fontId="1"/>
  </si>
  <si>
    <t>強羅茶寮</t>
    <phoneticPr fontId="1"/>
  </si>
  <si>
    <t>第041077号</t>
    <phoneticPr fontId="1"/>
  </si>
  <si>
    <t>箱根町小涌谷５２０－３０</t>
    <rPh sb="0" eb="3">
      <t>ハコネマチ</t>
    </rPh>
    <phoneticPr fontId="1"/>
  </si>
  <si>
    <t>スタジオーネ箱根彫刻の森</t>
    <phoneticPr fontId="1"/>
  </si>
  <si>
    <t>第041079号</t>
    <phoneticPr fontId="1"/>
  </si>
  <si>
    <t>若松　箱根湯河原</t>
  </si>
  <si>
    <t>ラフォーレ　箱根強羅　湯の棲</t>
  </si>
  <si>
    <t>レイクビュー箱根Ａ棟</t>
    <phoneticPr fontId="1"/>
  </si>
  <si>
    <t>レイクビュー箱根Ｂ棟</t>
    <phoneticPr fontId="1"/>
  </si>
  <si>
    <t>箱根町元箱根１５９番２３１</t>
    <rPh sb="0" eb="3">
      <t>ハコネマチ</t>
    </rPh>
    <phoneticPr fontId="1"/>
  </si>
  <si>
    <t>第041097号</t>
    <phoneticPr fontId="1"/>
  </si>
  <si>
    <t>第041098号</t>
  </si>
  <si>
    <t>箱根町湯本１７７－１</t>
    <rPh sb="0" eb="3">
      <t>ハコネマチ</t>
    </rPh>
    <phoneticPr fontId="1"/>
  </si>
  <si>
    <t>湯乃荘</t>
    <phoneticPr fontId="1"/>
  </si>
  <si>
    <t>第041093号</t>
    <phoneticPr fontId="1"/>
  </si>
  <si>
    <t>箱根町元箱根１６０－１１０</t>
    <rPh sb="0" eb="3">
      <t>ハコネマチ</t>
    </rPh>
    <phoneticPr fontId="1"/>
  </si>
  <si>
    <t>ＨＡＫＯＮＥ　Ｖｉｌｌａ　－Ｒｉｎ－</t>
    <phoneticPr fontId="1"/>
  </si>
  <si>
    <t>第041094号</t>
    <phoneticPr fontId="1"/>
  </si>
  <si>
    <t>小田原市早川１－２０－１　早川マンション４Ｂ</t>
    <rPh sb="0" eb="3">
      <t>オダワラ</t>
    </rPh>
    <rPh sb="3" eb="4">
      <t>シ</t>
    </rPh>
    <rPh sb="4" eb="6">
      <t>ハヤカワ</t>
    </rPh>
    <phoneticPr fontId="1"/>
  </si>
  <si>
    <t>汐の香</t>
    <phoneticPr fontId="1"/>
  </si>
  <si>
    <t>第041091号</t>
    <phoneticPr fontId="1"/>
  </si>
  <si>
    <t>真鶴町岩８１２番８</t>
    <rPh sb="0" eb="3">
      <t>マナヅルマチ</t>
    </rPh>
    <phoneticPr fontId="1"/>
  </si>
  <si>
    <t>クスクスグランピング真鶴</t>
    <phoneticPr fontId="1"/>
  </si>
  <si>
    <t>第041092号</t>
    <phoneticPr fontId="1"/>
  </si>
  <si>
    <t>箱根町箱根９４－２</t>
    <rPh sb="0" eb="3">
      <t>ハコネマチ</t>
    </rPh>
    <phoneticPr fontId="1"/>
  </si>
  <si>
    <t>元箱根ＫＡＢＵＴＯ　ＨＯＴＥＬ　１階</t>
    <phoneticPr fontId="1"/>
  </si>
  <si>
    <t>元箱根ＫＡＢＵＴＯ　ＨＯＴＥＬ　２階</t>
    <phoneticPr fontId="1"/>
  </si>
  <si>
    <t>第041086号</t>
    <phoneticPr fontId="1"/>
  </si>
  <si>
    <t>第041087号</t>
  </si>
  <si>
    <t>ＴＯＰＰＡＮグループ健康保険組合　ラ・サルー箱根</t>
    <phoneticPr fontId="1"/>
  </si>
  <si>
    <t>箱根町仙石原２９－１</t>
    <rPh sb="0" eb="3">
      <t>ハコネマチ</t>
    </rPh>
    <phoneticPr fontId="1"/>
  </si>
  <si>
    <t>ＢＬＩＳＳＴＩＡ　箱根仙石原</t>
    <phoneticPr fontId="1"/>
  </si>
  <si>
    <t>第041108号</t>
    <phoneticPr fontId="1"/>
  </si>
  <si>
    <t>真鶴町真鶴１３７４－１</t>
    <phoneticPr fontId="1"/>
  </si>
  <si>
    <t>ＨＯＴＥＬ　ＦＡＲＯ　ｍａｎａｚｕｒｕ</t>
    <phoneticPr fontId="1"/>
  </si>
  <si>
    <t>第041100号</t>
    <phoneticPr fontId="1"/>
  </si>
  <si>
    <t>おやど瑞月</t>
    <phoneticPr fontId="1"/>
  </si>
  <si>
    <t>湯河原町宮上７５９－６８</t>
    <phoneticPr fontId="1"/>
  </si>
  <si>
    <t>第041099号</t>
    <phoneticPr fontId="1"/>
  </si>
  <si>
    <t>湯河原町城堀３１４－１４</t>
    <rPh sb="0" eb="4">
      <t>ユガワラマチ</t>
    </rPh>
    <phoneticPr fontId="1"/>
  </si>
  <si>
    <t>第041102号</t>
    <phoneticPr fontId="1"/>
  </si>
  <si>
    <t>ゲストハウス「城堀の家」</t>
    <phoneticPr fontId="1"/>
  </si>
  <si>
    <t>湯河原町鍛冶屋９５１－１１</t>
    <rPh sb="0" eb="4">
      <t>ユガワラマチ</t>
    </rPh>
    <phoneticPr fontId="1"/>
  </si>
  <si>
    <t>ＨＯＴＥＬ　ＬＴ　Ｋｉｔｃｈｅｎ　湯河原</t>
    <phoneticPr fontId="1"/>
  </si>
  <si>
    <t>第041105号</t>
    <phoneticPr fontId="1"/>
  </si>
  <si>
    <t>真鶴町真鶴１０６３</t>
    <phoneticPr fontId="1"/>
  </si>
  <si>
    <t>真鶴潮騒新館</t>
    <phoneticPr fontId="1"/>
  </si>
  <si>
    <t>第041104号</t>
    <phoneticPr fontId="1"/>
  </si>
  <si>
    <t>箱根七瀬</t>
    <phoneticPr fontId="1"/>
  </si>
  <si>
    <t>箱根町強羅１３２０－６８９</t>
    <phoneticPr fontId="1"/>
  </si>
  <si>
    <t>箱根町強羅１３２０番７０８</t>
    <phoneticPr fontId="1"/>
  </si>
  <si>
    <t>ラフォーレ箱根強羅　湯の棲　綾館</t>
    <phoneticPr fontId="1"/>
  </si>
  <si>
    <t>第040314号</t>
    <phoneticPr fontId="1"/>
  </si>
  <si>
    <t>第041113号</t>
    <phoneticPr fontId="1"/>
  </si>
  <si>
    <t>箱根町小涌谷４３９－２８</t>
    <phoneticPr fontId="1"/>
  </si>
  <si>
    <t>“ＭＵＳＵＢＵ”　ＨＡＫＯＮＥ　ＫＯＷＡＫＵＤＡＮＩ</t>
    <phoneticPr fontId="1"/>
  </si>
  <si>
    <t>第041115号</t>
    <phoneticPr fontId="1"/>
  </si>
  <si>
    <t>箱根町仙石原1285-389</t>
    <phoneticPr fontId="1"/>
  </si>
  <si>
    <t>箱根町仙石原１２８５－４１４</t>
    <phoneticPr fontId="1"/>
  </si>
  <si>
    <t>仙石庵</t>
    <phoneticPr fontId="1"/>
  </si>
  <si>
    <t>第040735号</t>
    <phoneticPr fontId="1"/>
  </si>
  <si>
    <t>第041118号</t>
    <phoneticPr fontId="1"/>
  </si>
  <si>
    <t>小田原市中里４０２</t>
    <phoneticPr fontId="1"/>
  </si>
  <si>
    <t>小田原市中町２－６－３３</t>
    <phoneticPr fontId="1"/>
  </si>
  <si>
    <t>一宿うらら</t>
    <phoneticPr fontId="1"/>
  </si>
  <si>
    <t>第040336号</t>
    <phoneticPr fontId="1"/>
  </si>
  <si>
    <t>第041123号</t>
    <phoneticPr fontId="1"/>
  </si>
  <si>
    <t>ＰＲＥＭＩＵＭ　ＶＩＬＬＡ　連</t>
    <phoneticPr fontId="1"/>
  </si>
  <si>
    <t>湯河原町宮上２４８－５</t>
    <phoneticPr fontId="1"/>
  </si>
  <si>
    <t>第040456号</t>
    <phoneticPr fontId="1"/>
  </si>
  <si>
    <t>第041119号</t>
    <phoneticPr fontId="1"/>
  </si>
  <si>
    <t>Ｌｇａｒ８０（ルガル８０）</t>
    <phoneticPr fontId="1"/>
  </si>
  <si>
    <t>真鶴町真鶴７９１－１</t>
    <phoneticPr fontId="1"/>
  </si>
  <si>
    <t>第041120号</t>
    <phoneticPr fontId="1"/>
  </si>
  <si>
    <t>Ｒａｋｕｔｅｎ　ＳＴＡＹ　ＦＵＪＩＭＩ　ＴＥＲＲＡＣＥ　箱根芦ノ湖</t>
    <phoneticPr fontId="1"/>
  </si>
  <si>
    <t>箱根町元箱根字蛸川１３８</t>
    <phoneticPr fontId="1"/>
  </si>
  <si>
    <t>箱根町元箱根字三ツ谷２－２</t>
    <phoneticPr fontId="1"/>
  </si>
  <si>
    <t>第040099号</t>
    <phoneticPr fontId="1"/>
  </si>
  <si>
    <t>第041117号</t>
    <phoneticPr fontId="1"/>
  </si>
  <si>
    <t>湯河原町福浦244-1</t>
    <phoneticPr fontId="1"/>
  </si>
  <si>
    <t>湯河原町福浦３５２－１１</t>
    <phoneticPr fontId="1"/>
  </si>
  <si>
    <t>真鶴ＡＬＯＨＡ</t>
    <phoneticPr fontId="1"/>
  </si>
  <si>
    <t>第040676号</t>
    <phoneticPr fontId="1"/>
  </si>
  <si>
    <t>第041111号</t>
    <phoneticPr fontId="1"/>
  </si>
  <si>
    <t>ＲＯＵＴＥ　９９　ＭＯＴＯＨＡＫＯＮＥ</t>
    <phoneticPr fontId="1"/>
  </si>
  <si>
    <t>箱根町元箱根１０３－５１３</t>
    <phoneticPr fontId="1"/>
  </si>
  <si>
    <t>第040483号</t>
    <phoneticPr fontId="1"/>
  </si>
  <si>
    <t>第041114号</t>
    <phoneticPr fontId="1"/>
  </si>
  <si>
    <t>ココカラハウス</t>
    <phoneticPr fontId="1"/>
  </si>
  <si>
    <t>小田原市浜町２－１６－１０</t>
    <phoneticPr fontId="1"/>
  </si>
  <si>
    <t>小田原市浜町４－３－１１</t>
    <phoneticPr fontId="1"/>
  </si>
  <si>
    <t>第041121号</t>
    <phoneticPr fontId="1"/>
  </si>
  <si>
    <t>箱根町大平台３３８</t>
    <phoneticPr fontId="1"/>
  </si>
  <si>
    <t>ヤマグチハウスヴィラ大平荘</t>
    <phoneticPr fontId="1"/>
  </si>
  <si>
    <t>ヤマグチハウス　アネックス</t>
    <phoneticPr fontId="1"/>
  </si>
  <si>
    <t>第040858号</t>
    <phoneticPr fontId="1"/>
  </si>
  <si>
    <t>第041095号</t>
    <phoneticPr fontId="1"/>
  </si>
  <si>
    <t>第041096号</t>
  </si>
  <si>
    <t>ヴィラソレイユ箱根　Ａ未来・４０１</t>
    <phoneticPr fontId="1"/>
  </si>
  <si>
    <t>箱根町仙石原１２８５－４６６</t>
    <phoneticPr fontId="1"/>
  </si>
  <si>
    <t>第041083号</t>
    <phoneticPr fontId="1"/>
  </si>
  <si>
    <t>第041106号</t>
    <phoneticPr fontId="1"/>
  </si>
  <si>
    <t>シーサイドハーバー小田原</t>
    <phoneticPr fontId="1"/>
  </si>
  <si>
    <t>小田原市早川１－２０－１　早川マンション２Ｂ</t>
    <phoneticPr fontId="1"/>
  </si>
  <si>
    <t>第041109号</t>
    <phoneticPr fontId="1"/>
  </si>
  <si>
    <t>リゾート＆グランピング　ＳＰＲＩＮＧＳ　ＶＩＬＬＡＧＥ　箱根</t>
    <phoneticPr fontId="1"/>
  </si>
  <si>
    <t>箱根町仙石原３０４－１</t>
    <phoneticPr fontId="1"/>
  </si>
  <si>
    <t>第041112号</t>
    <phoneticPr fontId="1"/>
  </si>
  <si>
    <t>スタジオーネ箱根湯本ＶＩＬＬＡ</t>
    <phoneticPr fontId="1"/>
  </si>
  <si>
    <t>箱根町湯本２００</t>
    <phoneticPr fontId="1"/>
  </si>
  <si>
    <t>第041103号</t>
    <phoneticPr fontId="1"/>
  </si>
  <si>
    <t>箱・玲瓏</t>
    <phoneticPr fontId="1"/>
  </si>
  <si>
    <t>箱根町湯本３８０－１１</t>
    <phoneticPr fontId="1"/>
  </si>
  <si>
    <t>第041107号</t>
    <phoneticPr fontId="1"/>
  </si>
  <si>
    <t>Ｒｏｃｋｗｅｌｌ　Ｈｏｕｓｅ</t>
    <phoneticPr fontId="1"/>
  </si>
  <si>
    <t>小田原市栄町３－９－９</t>
    <phoneticPr fontId="1"/>
  </si>
  <si>
    <t>小田原市栄町３－１０－２</t>
    <phoneticPr fontId="1"/>
  </si>
  <si>
    <t>第040257号</t>
    <phoneticPr fontId="1"/>
  </si>
  <si>
    <t>第041110号</t>
    <phoneticPr fontId="1"/>
  </si>
  <si>
    <t>箱根町小涌谷４４３－１３４</t>
    <phoneticPr fontId="1"/>
  </si>
  <si>
    <t>Ｈｏｔ　Ｓｐｒｉｎｇ　Ｈｏｕｓｅ　ｉｎ　Ｋｏｗａｋｕｄａｎｉ　Ａｎｎｅｘ</t>
    <phoneticPr fontId="1"/>
  </si>
  <si>
    <t>第041124号</t>
    <phoneticPr fontId="1"/>
  </si>
  <si>
    <t>Ｆｏｒｅｓｔ　Ｓｕｉｔｅ　Ｈａｋｏｎｅ　Ｓｅｎｇｏｋｕｈａｒａ</t>
    <phoneticPr fontId="1"/>
  </si>
  <si>
    <t>第041085号</t>
    <phoneticPr fontId="1"/>
  </si>
  <si>
    <t>旅館水月</t>
    <phoneticPr fontId="1"/>
  </si>
  <si>
    <t>湯河原町土肥２－９－２４</t>
    <phoneticPr fontId="1"/>
  </si>
  <si>
    <t>第041101号</t>
    <phoneticPr fontId="1"/>
  </si>
  <si>
    <t>ＨＯＵＳＥ　ＨＯＴＥＬ　強羅</t>
    <phoneticPr fontId="1"/>
  </si>
  <si>
    <t>箱根町二ノ平１０９３－１</t>
    <phoneticPr fontId="1"/>
  </si>
  <si>
    <t>第040235号</t>
    <phoneticPr fontId="1"/>
  </si>
  <si>
    <t>第041116号</t>
    <phoneticPr fontId="1"/>
  </si>
  <si>
    <t>箱根町仙石原１２３７</t>
    <phoneticPr fontId="1"/>
  </si>
  <si>
    <t>第040134号</t>
    <phoneticPr fontId="1"/>
  </si>
  <si>
    <t>第041122号</t>
    <phoneticPr fontId="1"/>
  </si>
  <si>
    <t>ｋｏｔｉ　ｈａｋｏｎｅ</t>
    <phoneticPr fontId="1"/>
  </si>
  <si>
    <t>第040518号</t>
    <phoneticPr fontId="1"/>
  </si>
  <si>
    <t>第041130号</t>
    <phoneticPr fontId="1"/>
  </si>
  <si>
    <t>いぬと海辺</t>
    <phoneticPr fontId="1"/>
  </si>
  <si>
    <t>小田原市本町３－９－８</t>
    <phoneticPr fontId="1"/>
  </si>
  <si>
    <t>第041129号</t>
    <phoneticPr fontId="1"/>
  </si>
  <si>
    <t>抹香町ハウス</t>
    <phoneticPr fontId="1"/>
  </si>
  <si>
    <t>小田原市浜町１－２－３１</t>
    <phoneticPr fontId="1"/>
  </si>
  <si>
    <t>小田原市浜町２－８－２０</t>
    <phoneticPr fontId="1"/>
  </si>
  <si>
    <t>第041132号</t>
    <phoneticPr fontId="1"/>
  </si>
  <si>
    <t>湯河原テラス</t>
    <phoneticPr fontId="1"/>
  </si>
  <si>
    <t>湯河原町宮上７４５</t>
    <phoneticPr fontId="1"/>
  </si>
  <si>
    <t>湯河原町宮上７４９－２７７</t>
    <phoneticPr fontId="1"/>
  </si>
  <si>
    <t>第040120号</t>
    <phoneticPr fontId="1"/>
  </si>
  <si>
    <t>第041128号</t>
    <phoneticPr fontId="1"/>
  </si>
  <si>
    <t>グランジョルノ箱根小涌谷</t>
    <phoneticPr fontId="1"/>
  </si>
  <si>
    <t>箱根町小涌谷４４３－１５５</t>
    <phoneticPr fontId="1"/>
  </si>
  <si>
    <t>第041126号</t>
    <phoneticPr fontId="1"/>
  </si>
  <si>
    <t>箱根町仙石原１２４５－２７８</t>
    <phoneticPr fontId="1"/>
  </si>
  <si>
    <t>箱根町仙石原１２４５－２８０</t>
    <phoneticPr fontId="1"/>
  </si>
  <si>
    <t>仙石原古今</t>
    <phoneticPr fontId="1"/>
  </si>
  <si>
    <t>第040530号</t>
    <phoneticPr fontId="1"/>
  </si>
  <si>
    <t>第041127号</t>
    <phoneticPr fontId="1"/>
  </si>
  <si>
    <t>エスパシオ　箱根迎賓館　麟鳳亀龍</t>
    <phoneticPr fontId="1"/>
  </si>
  <si>
    <t>箱根町宮ノ下525-20</t>
    <phoneticPr fontId="1"/>
  </si>
  <si>
    <t>箱根町宮ノ下７２</t>
    <phoneticPr fontId="1"/>
  </si>
  <si>
    <t>第040429号</t>
    <phoneticPr fontId="1"/>
  </si>
  <si>
    <t>第041090号</t>
    <phoneticPr fontId="1"/>
  </si>
  <si>
    <t>第040731号</t>
    <phoneticPr fontId="1"/>
  </si>
  <si>
    <t>第041042号</t>
    <phoneticPr fontId="1"/>
  </si>
  <si>
    <t>ＨＡＫＯＮＥ　Ｆｕｎｎｙ　ｈｏｕｒｓ</t>
    <phoneticPr fontId="1"/>
  </si>
  <si>
    <t>箱根町宮城野１６７－５</t>
    <phoneticPr fontId="1"/>
  </si>
  <si>
    <t>ＥＮ　ＲＥＳＯＲＴ　Ｒｅ’Ｃｏｖｅ　Ｈａｋｏｎｅ</t>
    <phoneticPr fontId="1"/>
  </si>
  <si>
    <t>ｍｏｏｎ　ｈａｋｏｎｅ</t>
    <phoneticPr fontId="1"/>
  </si>
  <si>
    <t>箱根町湯本茶屋７９－７</t>
    <rPh sb="0" eb="3">
      <t>ハコネマチ</t>
    </rPh>
    <phoneticPr fontId="1"/>
  </si>
  <si>
    <t>第041125号</t>
    <phoneticPr fontId="1"/>
  </si>
  <si>
    <t>Ｒｏｈｅｎ　Ｈａｋｏｎｅ　Ｙｕｍｏｔｏ</t>
    <phoneticPr fontId="1"/>
  </si>
  <si>
    <t>箱根町湯本６４７</t>
    <rPh sb="0" eb="3">
      <t>ハコネマチ</t>
    </rPh>
    <phoneticPr fontId="1"/>
  </si>
  <si>
    <t>第041135号</t>
    <phoneticPr fontId="1"/>
  </si>
  <si>
    <t>ＨＡＫＯＮＥ　ＫＵＲＡＮＪＵ‐蔵樹</t>
    <phoneticPr fontId="1"/>
  </si>
  <si>
    <t>箱根町元箱根１３３－１９</t>
    <rPh sb="0" eb="3">
      <t>ハコネマチ</t>
    </rPh>
    <phoneticPr fontId="1"/>
  </si>
  <si>
    <t>第041131号</t>
    <phoneticPr fontId="1"/>
  </si>
  <si>
    <t>Ｈａｋｏｎｅ　Ａｓｈｉｎｏｋｏ　Ｌａｋｅｓｉｄｅ　Ｒｅｓｏｒｔ</t>
    <phoneticPr fontId="1"/>
  </si>
  <si>
    <t>箱根町箱根２９４</t>
    <rPh sb="0" eb="3">
      <t>ハコネマチ</t>
    </rPh>
    <phoneticPr fontId="1"/>
  </si>
  <si>
    <t>第041133号</t>
    <phoneticPr fontId="1"/>
  </si>
  <si>
    <t>ＲＯＵＴＥ９９　ＹＵＭＯＴＯ　</t>
    <phoneticPr fontId="1"/>
  </si>
  <si>
    <t>箱根町湯本２０４－２－１ＨＹグリシーナ１０４．２０３．２０４</t>
    <rPh sb="0" eb="3">
      <t>ハコネマチ</t>
    </rPh>
    <phoneticPr fontId="1"/>
  </si>
  <si>
    <t>第041134号</t>
    <phoneticPr fontId="1"/>
  </si>
  <si>
    <t>湯河原町吉浜１９２１－６</t>
    <rPh sb="0" eb="4">
      <t>ユガワラマチ</t>
    </rPh>
    <phoneticPr fontId="1"/>
  </si>
  <si>
    <t>第041139号</t>
    <phoneticPr fontId="1"/>
  </si>
  <si>
    <t>箱根町二ノ平１２９７－２０１</t>
    <rPh sb="0" eb="3">
      <t>ハコネマチ</t>
    </rPh>
    <phoneticPr fontId="1"/>
  </si>
  <si>
    <t>プライベートリゾート犬の日</t>
    <phoneticPr fontId="1"/>
  </si>
  <si>
    <t>第041140号</t>
    <phoneticPr fontId="1"/>
  </si>
  <si>
    <t>箱根町仙石原４５</t>
    <rPh sb="0" eb="3">
      <t>ハコネマチ</t>
    </rPh>
    <phoneticPr fontId="1"/>
  </si>
  <si>
    <t>ＬＩＮＫＡＧＥ　ＳＴＡＹ　ＨＡＫＯＮＥ　ＳＥＮＧＯＫＵＨＡＲＡ</t>
    <phoneticPr fontId="1"/>
  </si>
  <si>
    <t>第041138号</t>
    <phoneticPr fontId="1"/>
  </si>
  <si>
    <t>箱根町強羅１３２０－８６６</t>
    <rPh sb="0" eb="3">
      <t>ハコネマチ</t>
    </rPh>
    <phoneticPr fontId="1"/>
  </si>
  <si>
    <t>第041136号</t>
    <phoneticPr fontId="1"/>
  </si>
  <si>
    <t>箱根町元箱根１５９－２２</t>
    <rPh sb="0" eb="3">
      <t>ハコネマチ</t>
    </rPh>
    <phoneticPr fontId="1"/>
  </si>
  <si>
    <t>悠々</t>
    <phoneticPr fontId="1"/>
  </si>
  <si>
    <t>第041137号</t>
    <phoneticPr fontId="1"/>
  </si>
  <si>
    <t>小田原市久野５３３－１７</t>
    <rPh sb="0" eb="4">
      <t>オダワラシ</t>
    </rPh>
    <phoneticPr fontId="1"/>
  </si>
  <si>
    <t>幻庵の里</t>
    <phoneticPr fontId="1"/>
  </si>
  <si>
    <t>第041141号</t>
    <phoneticPr fontId="1"/>
  </si>
  <si>
    <t>箱根町仙石原１２４６－５５１</t>
    <rPh sb="0" eb="3">
      <t>ハコネマチ</t>
    </rPh>
    <phoneticPr fontId="1"/>
  </si>
  <si>
    <t>仙石荘</t>
    <phoneticPr fontId="1"/>
  </si>
  <si>
    <t>第041149号</t>
    <phoneticPr fontId="1"/>
  </si>
  <si>
    <t>元箱根ゲストハウス</t>
    <phoneticPr fontId="1"/>
  </si>
  <si>
    <t>箱根町元箱根１０３－２４６</t>
    <rPh sb="0" eb="3">
      <t>ハコネマチ</t>
    </rPh>
    <phoneticPr fontId="1"/>
  </si>
  <si>
    <t>箱根強羅・林澗</t>
    <phoneticPr fontId="1"/>
  </si>
  <si>
    <t>箱根町強羅１３２０－２９８</t>
    <rPh sb="0" eb="3">
      <t>ハコネマチ</t>
    </rPh>
    <phoneticPr fontId="1"/>
  </si>
  <si>
    <t>第041146号</t>
    <phoneticPr fontId="1"/>
  </si>
  <si>
    <t>湯河原町宮上２１９－２</t>
    <rPh sb="0" eb="4">
      <t>ユガワラマチ</t>
    </rPh>
    <phoneticPr fontId="1"/>
  </si>
  <si>
    <t>ＳＬＯＷ　ＨＯＵＳＥ＠ｙｕｇａｗａｒａ</t>
    <phoneticPr fontId="1"/>
  </si>
  <si>
    <t>第041145号</t>
    <phoneticPr fontId="1"/>
  </si>
  <si>
    <t>箱根町元箱根１６０</t>
    <phoneticPr fontId="1"/>
  </si>
  <si>
    <t>山越旅館</t>
    <phoneticPr fontId="1"/>
  </si>
  <si>
    <t>第041143号</t>
    <phoneticPr fontId="1"/>
  </si>
  <si>
    <t>湯河原町宮上５４２－１</t>
    <rPh sb="0" eb="4">
      <t>ユガワラマチ</t>
    </rPh>
    <phoneticPr fontId="1"/>
  </si>
  <si>
    <t>円荘</t>
    <phoneticPr fontId="1"/>
  </si>
  <si>
    <t>第041144号</t>
    <phoneticPr fontId="1"/>
  </si>
  <si>
    <t>箱根町湯本４２３番２</t>
    <rPh sb="0" eb="3">
      <t>ハコネマチ</t>
    </rPh>
    <phoneticPr fontId="1"/>
  </si>
  <si>
    <t>ＢＡＭＢＯＯ　ＨＯＵＳＥ　ＹＵＭＯＴＯ</t>
    <phoneticPr fontId="1"/>
  </si>
  <si>
    <t>第041142号</t>
    <phoneticPr fontId="1"/>
  </si>
  <si>
    <t>ｎｏｌ　ｈａｋｏｎｅ　ｍｙｏｊｉｎｄａｉ</t>
    <phoneticPr fontId="1"/>
  </si>
  <si>
    <t>箱根町仙石原１２８５－６６４</t>
    <phoneticPr fontId="1"/>
  </si>
  <si>
    <t>陽だまり　一の湯</t>
    <phoneticPr fontId="1"/>
  </si>
  <si>
    <t>Ｔｉｐｙ　ｒｅｃｏｒｄｓ　ｉｎｎ　ｒｏｏｍ</t>
    <phoneticPr fontId="1"/>
  </si>
  <si>
    <t>Ｔｉｐｙ　ｒｅｃｏｒｄｓ　ｉｎｎ　ｈｏｕｓｅ</t>
    <phoneticPr fontId="1"/>
  </si>
  <si>
    <t>Ｔｉｐｙ　ｒｅｃｏｒｄｓ　ｉｎｎ　ｈａｎａｒｅ</t>
    <phoneticPr fontId="1"/>
  </si>
  <si>
    <t>途乃中</t>
    <phoneticPr fontId="1"/>
  </si>
  <si>
    <t>第041161号</t>
    <phoneticPr fontId="1"/>
  </si>
  <si>
    <t>和一庵</t>
    <phoneticPr fontId="1"/>
  </si>
  <si>
    <t>箱根町宮城野６３４－１</t>
    <rPh sb="0" eb="3">
      <t>ハコネマチ</t>
    </rPh>
    <phoneticPr fontId="1"/>
  </si>
  <si>
    <t>第041152号</t>
    <phoneticPr fontId="1"/>
  </si>
  <si>
    <t>箱根町元箱根１６０－１５８</t>
    <rPh sb="0" eb="3">
      <t>ハコネマチ</t>
    </rPh>
    <phoneticPr fontId="1"/>
  </si>
  <si>
    <t>Ｆｏｒｅｓｔ　ＬＯＧ　－ＨＡＫＯＮＥ－　ＫＡＥＤＥ</t>
    <phoneticPr fontId="1"/>
  </si>
  <si>
    <t>第041153号</t>
    <phoneticPr fontId="1"/>
  </si>
  <si>
    <t>箱根町元箱根１６０－１５４</t>
    <rPh sb="0" eb="3">
      <t>ハコネマチ</t>
    </rPh>
    <phoneticPr fontId="1"/>
  </si>
  <si>
    <t>Ｆｏｒｅｓｔ　ＬＯＧ　－ＨＡＫＯＮＥ－　ＫＥＹＡＫＩ</t>
    <phoneticPr fontId="1"/>
  </si>
  <si>
    <t>第041154号</t>
    <phoneticPr fontId="1"/>
  </si>
  <si>
    <t>箱根町元箱根１６０－１５３</t>
    <rPh sb="0" eb="3">
      <t>ハコネマチ</t>
    </rPh>
    <phoneticPr fontId="1"/>
  </si>
  <si>
    <t>Ｆｏｒｅｓｔ　ＬＯＧ　－ＨＡＫＯＮＥ－　ＨＩＮＯＫＩ</t>
    <phoneticPr fontId="1"/>
  </si>
  <si>
    <t>第041155号</t>
    <phoneticPr fontId="1"/>
  </si>
  <si>
    <t>箱根町元箱根１６０－１６０</t>
    <rPh sb="0" eb="3">
      <t>ハコネマチ</t>
    </rPh>
    <phoneticPr fontId="1"/>
  </si>
  <si>
    <t>Ｆｏｒｅｓｔ　ＬＯＧ　－ＨＡＫＯＮＥ－　ＳＡＫＵＲＡ</t>
    <phoneticPr fontId="1"/>
  </si>
  <si>
    <t>Ｆｏｒｅｓｔ　ＬＯＧ　－ＨＡＫＯＮＥ－　ＴＳＵＢＡＫＩ</t>
    <phoneticPr fontId="1"/>
  </si>
  <si>
    <t>第041156号</t>
    <phoneticPr fontId="1"/>
  </si>
  <si>
    <t>箱根町元箱根１６０－６７</t>
    <rPh sb="0" eb="3">
      <t>ハコネマチ</t>
    </rPh>
    <phoneticPr fontId="1"/>
  </si>
  <si>
    <t>第041157号</t>
    <phoneticPr fontId="1"/>
  </si>
  <si>
    <t>晴岩宿（ハレイワステイ）</t>
    <phoneticPr fontId="1"/>
  </si>
  <si>
    <t>湯河原町吉浜１３９６</t>
    <rPh sb="0" eb="4">
      <t>ユガワラマチ</t>
    </rPh>
    <phoneticPr fontId="1"/>
  </si>
  <si>
    <t>第041158号</t>
    <phoneticPr fontId="1"/>
  </si>
  <si>
    <t>箱根町仙石原１０３８－１</t>
    <rPh sb="3" eb="6">
      <t>センゴクバラ</t>
    </rPh>
    <phoneticPr fontId="1"/>
  </si>
  <si>
    <t>ＡＫＮＯＴ　ＨＡＫＯＮＥ</t>
    <phoneticPr fontId="1"/>
  </si>
  <si>
    <t>箱根町仙石原１０５４－６</t>
    <rPh sb="0" eb="3">
      <t>ハコネマチ</t>
    </rPh>
    <phoneticPr fontId="1"/>
  </si>
  <si>
    <t>第041150号</t>
    <phoneticPr fontId="1"/>
  </si>
  <si>
    <t>箱根町仙石原１０２７－１８</t>
    <rPh sb="0" eb="3">
      <t>ハコネマチ</t>
    </rPh>
    <phoneticPr fontId="1"/>
  </si>
  <si>
    <t>ｋａｍａｅ　ｈａｋｏｎｅ</t>
    <phoneticPr fontId="1"/>
  </si>
  <si>
    <t>第041151号</t>
    <phoneticPr fontId="1"/>
  </si>
  <si>
    <t>真鶴町真鶴６３１－１　１０１号室</t>
    <rPh sb="0" eb="2">
      <t>マナヅル</t>
    </rPh>
    <rPh sb="2" eb="3">
      <t>マチ</t>
    </rPh>
    <phoneticPr fontId="1"/>
  </si>
  <si>
    <t>真鶴町真鶴６３１－１　２０１号室</t>
    <phoneticPr fontId="1"/>
  </si>
  <si>
    <t>Ｇｕｅｓｔ　Ｈｏｕｓｅ　ＭＯＥ　１０１</t>
    <phoneticPr fontId="1"/>
  </si>
  <si>
    <t>Ｇｕｅｓｔ　Ｈｏｕｓｅ　ＭＯＥ　２０１</t>
    <phoneticPr fontId="1"/>
  </si>
  <si>
    <t>第041159号</t>
    <phoneticPr fontId="1"/>
  </si>
  <si>
    <t>第041160号</t>
    <phoneticPr fontId="1"/>
  </si>
  <si>
    <t>箱根仙石原の宿よいな</t>
    <phoneticPr fontId="1"/>
  </si>
  <si>
    <t>箱根町仙石原４１７－７</t>
    <rPh sb="0" eb="3">
      <t>ハコネマチ</t>
    </rPh>
    <phoneticPr fontId="1"/>
  </si>
  <si>
    <t>第041148号</t>
    <phoneticPr fontId="1"/>
  </si>
  <si>
    <t>第041168号</t>
    <phoneticPr fontId="1"/>
  </si>
  <si>
    <t>ユアベッドルーム箱根</t>
    <phoneticPr fontId="1"/>
  </si>
  <si>
    <t>小田原市栄町１－１６－１３　２Ｆ</t>
    <rPh sb="0" eb="4">
      <t>オダワラシ</t>
    </rPh>
    <phoneticPr fontId="1"/>
  </si>
  <si>
    <t>第041166号</t>
    <phoneticPr fontId="1"/>
  </si>
  <si>
    <t>仙石原　美豊</t>
    <phoneticPr fontId="1"/>
  </si>
  <si>
    <t>箱根町仙石原８１７－６２８</t>
    <phoneticPr fontId="1"/>
  </si>
  <si>
    <t>第040249号</t>
    <phoneticPr fontId="1"/>
  </si>
  <si>
    <t>第041164号</t>
    <phoneticPr fontId="1"/>
  </si>
  <si>
    <t>桜歩亭</t>
    <phoneticPr fontId="1"/>
  </si>
  <si>
    <t>箱根町仙石原９１９－１５</t>
    <rPh sb="0" eb="3">
      <t>ハコネマチ</t>
    </rPh>
    <phoneticPr fontId="1"/>
  </si>
  <si>
    <t>第041171号</t>
    <phoneticPr fontId="1"/>
  </si>
  <si>
    <t>ＫＯＩ　ＨＡＫＯＮＥ　杉並木</t>
    <phoneticPr fontId="1"/>
  </si>
  <si>
    <t>箱根町箱根５７２－４４</t>
    <rPh sb="0" eb="3">
      <t>ハコネマチ</t>
    </rPh>
    <phoneticPr fontId="1"/>
  </si>
  <si>
    <t>箱根町元箱根１０３－３０５</t>
    <phoneticPr fontId="1"/>
  </si>
  <si>
    <t>第041173号</t>
    <phoneticPr fontId="1"/>
  </si>
  <si>
    <t>ＫＯＩ　ＨＡＫＯＮＥ　酔虎庵</t>
    <phoneticPr fontId="1"/>
  </si>
  <si>
    <t>箱根町元箱根１０３－３１１</t>
    <phoneticPr fontId="1"/>
  </si>
  <si>
    <t>第040157号</t>
    <phoneticPr fontId="1"/>
  </si>
  <si>
    <t>箱根町元箱根１０３－４９６</t>
    <phoneticPr fontId="1"/>
  </si>
  <si>
    <t>第041174号</t>
    <phoneticPr fontId="1"/>
  </si>
  <si>
    <t>ＫＯＩ　ＨＡＫＯＮＥ　美しい約</t>
    <phoneticPr fontId="1"/>
  </si>
  <si>
    <t>箱根町元箱根１０３－５０３</t>
    <phoneticPr fontId="1"/>
  </si>
  <si>
    <t>第041172号</t>
    <phoneticPr fontId="1"/>
  </si>
  <si>
    <t>ＫＯＩ　ＨＡＫＯＮＥ　白い恋</t>
    <phoneticPr fontId="1"/>
  </si>
  <si>
    <t>箱根町元箱根１０３－６８</t>
    <phoneticPr fontId="1"/>
  </si>
  <si>
    <t>第041177号</t>
    <phoneticPr fontId="1"/>
  </si>
  <si>
    <t>Ｆｏｒｅｓｔ　ＬＯＧ　－ＨＡＫＯＮＥ－　ＫＵＮＵＧＩ</t>
    <phoneticPr fontId="1"/>
  </si>
  <si>
    <t>箱根町元箱根１６０－１５５</t>
    <rPh sb="0" eb="3">
      <t>ハコネマチ</t>
    </rPh>
    <phoneticPr fontId="1"/>
  </si>
  <si>
    <t>第040537号</t>
    <phoneticPr fontId="1"/>
  </si>
  <si>
    <t>第041165号</t>
    <phoneticPr fontId="1"/>
  </si>
  <si>
    <t>真鶴出版３号店</t>
    <phoneticPr fontId="1"/>
  </si>
  <si>
    <t>真鶴町岩２１５－１</t>
    <rPh sb="0" eb="3">
      <t>マナヅルマチ</t>
    </rPh>
    <phoneticPr fontId="1"/>
  </si>
  <si>
    <t>第041178号</t>
    <phoneticPr fontId="1"/>
  </si>
  <si>
    <t>Ｇｕｅｓｔ　Ｈｏｕｓｅ　ＭＯＥ　１０３</t>
    <phoneticPr fontId="1"/>
  </si>
  <si>
    <t>真鶴町真鶴６３１　小沢アパート１０３号</t>
    <rPh sb="9" eb="11">
      <t>オザワ</t>
    </rPh>
    <phoneticPr fontId="1"/>
  </si>
  <si>
    <t>第041179号</t>
    <phoneticPr fontId="1"/>
  </si>
  <si>
    <t>宿屋　ふう</t>
    <phoneticPr fontId="1"/>
  </si>
  <si>
    <t>小田原市本町３－９－４</t>
    <rPh sb="0" eb="4">
      <t>オダワラシ</t>
    </rPh>
    <phoneticPr fontId="1"/>
  </si>
  <si>
    <t>第041169号</t>
    <phoneticPr fontId="1"/>
  </si>
  <si>
    <t>Ａ－ｆｒａｍｅ　Ｈｏｕｓｅ　ＧＯＲＡ</t>
    <phoneticPr fontId="1"/>
  </si>
  <si>
    <t>箱根町強羅字強羅１３００－５２４</t>
    <phoneticPr fontId="1"/>
  </si>
  <si>
    <t>箱根町強羅１３０４－１０</t>
    <phoneticPr fontId="1"/>
  </si>
  <si>
    <t>第041163号</t>
    <phoneticPr fontId="1"/>
  </si>
  <si>
    <t>ＳＭＡＲＴ　ＶＩＬＬＡ　箱根強羅　ＥＡＳＴ</t>
    <phoneticPr fontId="1"/>
  </si>
  <si>
    <t>箱根町強羅１３０４－１２２</t>
    <phoneticPr fontId="1"/>
  </si>
  <si>
    <t>第041162号</t>
    <phoneticPr fontId="1"/>
  </si>
  <si>
    <t>ＳＭＡＲＴ　ＶＩＬＬＡ　箱根強羅　ＷＥＳＴ</t>
    <phoneticPr fontId="1"/>
  </si>
  <si>
    <t>箱根町強羅１３０４－２０</t>
    <phoneticPr fontId="1"/>
  </si>
  <si>
    <t>箱根宮城野ハウス</t>
    <phoneticPr fontId="1"/>
  </si>
  <si>
    <t>第041180号</t>
    <phoneticPr fontId="1"/>
  </si>
  <si>
    <t>箱根町宮城野１６７－１５</t>
    <rPh sb="0" eb="3">
      <t>ハコネマチ</t>
    </rPh>
    <phoneticPr fontId="1"/>
  </si>
  <si>
    <t>第041170号</t>
    <phoneticPr fontId="1"/>
  </si>
  <si>
    <t>和　箱根強羅</t>
    <phoneticPr fontId="1"/>
  </si>
  <si>
    <t>箱根町宮城野字小東１０８－３</t>
    <rPh sb="0" eb="3">
      <t>ハコネマチ</t>
    </rPh>
    <phoneticPr fontId="1"/>
  </si>
  <si>
    <t>第041182号</t>
    <phoneticPr fontId="1"/>
  </si>
  <si>
    <t>ＫＯＩ　ＨＡＫＯＮＥ　Ｌｕｍｉ</t>
    <phoneticPr fontId="1"/>
  </si>
  <si>
    <t>箱根町元箱根７３－１</t>
    <rPh sb="0" eb="3">
      <t>ハコネマチ</t>
    </rPh>
    <phoneticPr fontId="1"/>
  </si>
  <si>
    <t>ゲストハウス　小鉄</t>
  </si>
  <si>
    <t>Ｎｏｅｌ　Ｈａｋｏｎｅ　Ｃｈｉｍｎｅｙ</t>
    <phoneticPr fontId="1"/>
  </si>
  <si>
    <t>箱根町二ノ平１２９７－２８３</t>
    <phoneticPr fontId="1"/>
  </si>
  <si>
    <t>箱根町二ノ平１２９７－３７１</t>
    <phoneticPr fontId="1"/>
  </si>
  <si>
    <t>第040312号</t>
    <phoneticPr fontId="1"/>
  </si>
  <si>
    <t>第041167号</t>
    <phoneticPr fontId="1"/>
  </si>
  <si>
    <t>Ｔｉｐｙ　ｒｅｃｏｒｄｓ　ｉｎｎ　ｐｈｏｔｏｎ</t>
    <phoneticPr fontId="1"/>
  </si>
  <si>
    <t>小田原市栄町２－５－３０</t>
    <rPh sb="0" eb="4">
      <t>オダワラシ</t>
    </rPh>
    <phoneticPr fontId="1"/>
  </si>
  <si>
    <t>第041185号</t>
    <phoneticPr fontId="1"/>
  </si>
  <si>
    <t>ＫＯＩ　ＨＡＫＯＮＥ　ＥＮＳＥＭＢＬＥ</t>
    <phoneticPr fontId="1"/>
  </si>
  <si>
    <t>箱根町箱根５７１－３７</t>
    <rPh sb="0" eb="3">
      <t>ハコネマチ</t>
    </rPh>
    <phoneticPr fontId="1"/>
  </si>
  <si>
    <t>第041181号</t>
    <phoneticPr fontId="1"/>
  </si>
  <si>
    <t>Ａｃｔｉｖｉｔｙ　Ｂａｓｅ　箱根</t>
    <phoneticPr fontId="1"/>
  </si>
  <si>
    <t>箱根町宮城野９２０－３　Ｊ．ＦＩＮＥ宮城野１０１</t>
    <rPh sb="0" eb="3">
      <t>ハコネマチ</t>
    </rPh>
    <phoneticPr fontId="1"/>
  </si>
  <si>
    <t>湯河原の家　ＫＯＮＤＯ</t>
    <phoneticPr fontId="1"/>
  </si>
  <si>
    <t>湯河原町宮上３６５－９</t>
    <rPh sb="0" eb="4">
      <t>ユガワラマチ</t>
    </rPh>
    <phoneticPr fontId="1"/>
  </si>
  <si>
    <t>第040308号</t>
    <phoneticPr fontId="1"/>
  </si>
  <si>
    <t>第041183号</t>
    <phoneticPr fontId="1"/>
  </si>
  <si>
    <t>Ｓｕｎｎｙ　Ｇａｔｉｋ　Ｙｕｇａｗａｒａ</t>
    <phoneticPr fontId="1"/>
  </si>
  <si>
    <t>湯河原町門川２９３－１</t>
    <rPh sb="0" eb="4">
      <t>ユガワラマチ</t>
    </rPh>
    <phoneticPr fontId="1"/>
  </si>
  <si>
    <t>第040734号</t>
    <phoneticPr fontId="1"/>
  </si>
  <si>
    <t>第041186号</t>
    <phoneticPr fontId="1"/>
  </si>
  <si>
    <t>ゆるり箱根　ｗｉｔｈ　ＤＯＧＳ</t>
    <phoneticPr fontId="1"/>
  </si>
  <si>
    <t>箱根町強羅１３００－４１５</t>
    <rPh sb="0" eb="2">
      <t>ハコネ</t>
    </rPh>
    <rPh sb="2" eb="3">
      <t>マチ</t>
    </rPh>
    <phoneticPr fontId="1"/>
  </si>
  <si>
    <t>第041187号</t>
    <phoneticPr fontId="1"/>
  </si>
  <si>
    <t>ＮＡＴＵＲＡＬ　ＶＩＬＬＡ　箱根仙石原</t>
    <phoneticPr fontId="1"/>
  </si>
  <si>
    <t>箱根町仙石原６６６－２</t>
    <rPh sb="0" eb="2">
      <t>ハコネ</t>
    </rPh>
    <rPh sb="2" eb="3">
      <t>マチ</t>
    </rPh>
    <phoneticPr fontId="1"/>
  </si>
  <si>
    <t>第040461号</t>
    <phoneticPr fontId="1"/>
  </si>
  <si>
    <t>第041176号</t>
    <phoneticPr fontId="1"/>
  </si>
  <si>
    <t>ＫＯＩ　ＨＡＫＯＮＥ　湯本</t>
    <phoneticPr fontId="1"/>
  </si>
  <si>
    <t>箱根町湯本１４４－１０</t>
    <rPh sb="0" eb="3">
      <t>ハコネマチ</t>
    </rPh>
    <phoneticPr fontId="1"/>
  </si>
  <si>
    <t>第040868号</t>
    <phoneticPr fontId="1"/>
  </si>
  <si>
    <t>第041189号</t>
    <phoneticPr fontId="1"/>
  </si>
  <si>
    <t>箱根町宮城野１６７－１２</t>
    <rPh sb="0" eb="3">
      <t>ハコネマチ</t>
    </rPh>
    <phoneticPr fontId="1"/>
  </si>
  <si>
    <t>第041196号</t>
    <phoneticPr fontId="1"/>
  </si>
  <si>
    <t>ＵＮＰＡＣＫ箱根　Ｓｈｉｋｉ</t>
    <phoneticPr fontId="1"/>
  </si>
  <si>
    <t>箱根町二ノ平１２９７－１６３</t>
    <rPh sb="0" eb="3">
      <t>ハコネマチ</t>
    </rPh>
    <phoneticPr fontId="1"/>
  </si>
  <si>
    <t>第041197号</t>
    <phoneticPr fontId="1"/>
  </si>
  <si>
    <t>ＨＡＫＯＮＥ　ＫＯＭＡＣＨＩ－箱根小町</t>
    <phoneticPr fontId="1"/>
  </si>
  <si>
    <t>箱根町湯本３６８－１５</t>
    <rPh sb="0" eb="3">
      <t>ハコネマチ</t>
    </rPh>
    <phoneticPr fontId="1"/>
  </si>
  <si>
    <t>第041190号</t>
    <phoneticPr fontId="1"/>
  </si>
  <si>
    <t>真鶴ルーフ</t>
    <phoneticPr fontId="1"/>
  </si>
  <si>
    <t>真鶴町真鶴１４３６－１</t>
    <rPh sb="0" eb="3">
      <t>マナヅルマチ</t>
    </rPh>
    <rPh sb="3" eb="5">
      <t>マナヅル</t>
    </rPh>
    <phoneticPr fontId="1"/>
  </si>
  <si>
    <t>真鶴町真鶴８５３</t>
    <rPh sb="0" eb="3">
      <t>マナヅルマチ</t>
    </rPh>
    <phoneticPr fontId="1"/>
  </si>
  <si>
    <t>第040726号</t>
    <phoneticPr fontId="1"/>
  </si>
  <si>
    <t>第041193号</t>
    <phoneticPr fontId="1"/>
  </si>
  <si>
    <t>Ａｍａ－Ｔｅｒｒａｃｅ</t>
    <phoneticPr fontId="1"/>
  </si>
  <si>
    <t>箱根町湯本６１－２</t>
    <rPh sb="0" eb="3">
      <t>ハコネマチ</t>
    </rPh>
    <phoneticPr fontId="1"/>
  </si>
  <si>
    <t>第040073号</t>
    <phoneticPr fontId="1"/>
  </si>
  <si>
    <t>第041194号</t>
    <phoneticPr fontId="1"/>
  </si>
  <si>
    <t>Ｒａｋｕｔｅｎ　ＳＴＡＹ　ＴＥＲＲＡＣＥ　箱根小涌谷</t>
    <phoneticPr fontId="1"/>
  </si>
  <si>
    <t>箱根町小涌谷４８３－２</t>
    <rPh sb="0" eb="3">
      <t>ハコネマチ</t>
    </rPh>
    <phoneticPr fontId="1"/>
  </si>
  <si>
    <t>第040231号</t>
    <phoneticPr fontId="1"/>
  </si>
  <si>
    <t>第041192号</t>
    <phoneticPr fontId="1"/>
  </si>
  <si>
    <t>ＫＯＩ　ＨＡＫＯＮＥ　ホテル</t>
    <phoneticPr fontId="1"/>
  </si>
  <si>
    <t>箱根町仙石原１２４６－４３６</t>
    <rPh sb="0" eb="3">
      <t>ハコネマチ</t>
    </rPh>
    <phoneticPr fontId="1"/>
  </si>
  <si>
    <t>第040385号</t>
    <phoneticPr fontId="1"/>
  </si>
  <si>
    <t>第041200号</t>
    <phoneticPr fontId="1"/>
  </si>
  <si>
    <t>湯河原町城堀２７２－１１</t>
    <rPh sb="0" eb="4">
      <t>ユガワラマチ</t>
    </rPh>
    <phoneticPr fontId="1"/>
  </si>
  <si>
    <t>第041195号</t>
    <phoneticPr fontId="1"/>
  </si>
  <si>
    <t>東急ハーヴェストクラブＶＩＡＬＡ箱根湖悠</t>
    <phoneticPr fontId="1"/>
  </si>
  <si>
    <t>箱根町元箱根字大芝９３－１２</t>
    <rPh sb="0" eb="3">
      <t>ハコネマチ</t>
    </rPh>
    <phoneticPr fontId="1"/>
  </si>
  <si>
    <t>第041198号</t>
    <phoneticPr fontId="1"/>
  </si>
  <si>
    <t>篝</t>
    <phoneticPr fontId="1"/>
  </si>
  <si>
    <t>箱根町強羅１３０４－５</t>
    <rPh sb="0" eb="3">
      <t>ハコネマチ</t>
    </rPh>
    <phoneticPr fontId="1"/>
  </si>
  <si>
    <t>第041201号</t>
    <phoneticPr fontId="1"/>
  </si>
  <si>
    <t>４６ｍａ　２ｎｄ</t>
    <phoneticPr fontId="1"/>
  </si>
  <si>
    <t>湯河原町吉浜１８９５－１８３</t>
    <rPh sb="0" eb="4">
      <t>ユガワラマチ</t>
    </rPh>
    <phoneticPr fontId="1"/>
  </si>
  <si>
    <t>第040334号</t>
    <phoneticPr fontId="1"/>
  </si>
  <si>
    <t>第041205号</t>
    <phoneticPr fontId="1"/>
  </si>
  <si>
    <t>箱根湯本ハレレア　Ｈａｌｅｌｅａ</t>
    <phoneticPr fontId="1"/>
  </si>
  <si>
    <t>箱根町湯本茶屋８９－２</t>
    <rPh sb="0" eb="3">
      <t>ハコネマチ</t>
    </rPh>
    <phoneticPr fontId="1"/>
  </si>
  <si>
    <t>第040112号</t>
    <phoneticPr fontId="1"/>
  </si>
  <si>
    <t>第041206号</t>
    <phoneticPr fontId="1"/>
  </si>
  <si>
    <t>箱根仙石原　相睦菴</t>
    <phoneticPr fontId="1"/>
  </si>
  <si>
    <t>箱根町仙石原９８１－４６</t>
    <rPh sb="0" eb="3">
      <t>ハコネマチ</t>
    </rPh>
    <phoneticPr fontId="1"/>
  </si>
  <si>
    <t>第041191号</t>
    <phoneticPr fontId="1"/>
  </si>
  <si>
    <t>ｍｙｓａ　ｈａｋｏｎｅ</t>
    <phoneticPr fontId="1"/>
  </si>
  <si>
    <t>箱根町二ノ平１２３０－６０</t>
    <rPh sb="0" eb="3">
      <t>ハコネマチ</t>
    </rPh>
    <phoneticPr fontId="1"/>
  </si>
  <si>
    <t>第040181号</t>
    <phoneticPr fontId="1"/>
  </si>
  <si>
    <t>第041202号</t>
    <phoneticPr fontId="1"/>
  </si>
  <si>
    <t>ＷＩＴＨ　ＳＥＡ　湯河原</t>
    <phoneticPr fontId="1"/>
  </si>
  <si>
    <t>Ｖｉｌｌａ　Ｔｏｍｂｏ　Ｈａｋｏｎｅ</t>
    <phoneticPr fontId="1"/>
  </si>
  <si>
    <t>仙石原久の葉</t>
    <phoneticPr fontId="1"/>
  </si>
  <si>
    <t>小塚久の葉</t>
    <phoneticPr fontId="1"/>
  </si>
  <si>
    <t>バラの館　Ｒｏｓｅ　Ｍａｎｏｒ</t>
    <phoneticPr fontId="1"/>
  </si>
  <si>
    <t>箱根町仙石原９５６－２０</t>
    <rPh sb="0" eb="3">
      <t>ハコネマチ</t>
    </rPh>
    <phoneticPr fontId="1"/>
  </si>
  <si>
    <t>ノア箱根　ＮＯＡＨ　ＨＡＫＯＮＥ</t>
    <phoneticPr fontId="1"/>
  </si>
  <si>
    <t>第041210号</t>
    <phoneticPr fontId="1"/>
  </si>
  <si>
    <t>小田原市久野３１４－２</t>
    <rPh sb="0" eb="3">
      <t>オダワラ</t>
    </rPh>
    <rPh sb="3" eb="4">
      <t>シ</t>
    </rPh>
    <phoneticPr fontId="1"/>
  </si>
  <si>
    <t>Ｍａｉｓｏｎ　Ｌｕｍｉｅｒｅ　メゾンルミエール</t>
    <phoneticPr fontId="1"/>
  </si>
  <si>
    <t>第041212号</t>
    <phoneticPr fontId="1"/>
  </si>
  <si>
    <t>箱根町仙石原１２６１－１１１</t>
    <rPh sb="0" eb="3">
      <t>ハコネマチ</t>
    </rPh>
    <phoneticPr fontId="1"/>
  </si>
  <si>
    <t>第041213号</t>
    <phoneticPr fontId="1"/>
  </si>
  <si>
    <t>Ｐ’ｓ　Ｗｏｏｄ　箱根仙石原</t>
    <phoneticPr fontId="1"/>
  </si>
  <si>
    <t>サムライハウス</t>
    <phoneticPr fontId="1"/>
  </si>
  <si>
    <t>小田原市浜町４－２４－２３</t>
    <rPh sb="0" eb="4">
      <t>オダワラシ</t>
    </rPh>
    <phoneticPr fontId="1"/>
  </si>
  <si>
    <t>第041199号</t>
    <rPh sb="0" eb="1">
      <t>ダイ</t>
    </rPh>
    <rPh sb="7" eb="8">
      <t>ゴウ</t>
    </rPh>
    <phoneticPr fontId="1"/>
  </si>
  <si>
    <t>ＦＯＬＱ　ＨＡＫＯＮＥ　ＧＯＲＡ</t>
    <phoneticPr fontId="1"/>
  </si>
  <si>
    <t>箱根町強羅１３２２－１９</t>
    <rPh sb="0" eb="3">
      <t>ハコネマチ</t>
    </rPh>
    <phoneticPr fontId="1"/>
  </si>
  <si>
    <t>第041209号</t>
    <phoneticPr fontId="1"/>
  </si>
  <si>
    <t>ＷＩＴＨ　ＳＥＡ　真鶴　Ｃ</t>
  </si>
  <si>
    <t>真鶴町岩６１３－５</t>
    <phoneticPr fontId="1"/>
  </si>
  <si>
    <t>ＴＨＥ　ＧＵＥＳＴＶＩＬＬＡＧＥ　箱根芦ノ湖</t>
    <phoneticPr fontId="1"/>
  </si>
  <si>
    <t>箱根町元箱根１６０－２１</t>
    <rPh sb="0" eb="3">
      <t>ハコネマチ</t>
    </rPh>
    <phoneticPr fontId="1"/>
  </si>
  <si>
    <t>第041224号</t>
    <phoneticPr fontId="1"/>
  </si>
  <si>
    <t>第041223号</t>
    <phoneticPr fontId="1"/>
  </si>
  <si>
    <t>雅・仙石原</t>
    <phoneticPr fontId="1"/>
  </si>
  <si>
    <t>箱根町仙石原１２４６－５９４</t>
    <rPh sb="0" eb="3">
      <t>ハコネマチ</t>
    </rPh>
    <phoneticPr fontId="1"/>
  </si>
  <si>
    <t>第041214号</t>
    <phoneticPr fontId="1"/>
  </si>
  <si>
    <t>ゲストハウス「真鶴の家」</t>
    <phoneticPr fontId="1"/>
  </si>
  <si>
    <t>真鶴町真鶴４０７－１１</t>
    <rPh sb="0" eb="3">
      <t>マナヅルマチ</t>
    </rPh>
    <phoneticPr fontId="1"/>
  </si>
  <si>
    <t>第041222号</t>
    <phoneticPr fontId="1"/>
  </si>
  <si>
    <t>旅籠屋さとう</t>
    <phoneticPr fontId="1"/>
  </si>
  <si>
    <t>小田原市本町２－１２－６</t>
    <rPh sb="0" eb="3">
      <t>オダワラ</t>
    </rPh>
    <rPh sb="3" eb="4">
      <t>シ</t>
    </rPh>
    <phoneticPr fontId="1"/>
  </si>
  <si>
    <t>第041225号</t>
    <phoneticPr fontId="1"/>
  </si>
  <si>
    <t>箱根町湯本３８０－１２</t>
    <rPh sb="0" eb="3">
      <t>ハコネマチ</t>
    </rPh>
    <phoneticPr fontId="1"/>
  </si>
  <si>
    <t>箱根青雲</t>
    <phoneticPr fontId="1"/>
  </si>
  <si>
    <t>第041204号</t>
    <phoneticPr fontId="1"/>
  </si>
  <si>
    <t>城山館　離れ</t>
    <phoneticPr fontId="1"/>
  </si>
  <si>
    <t>湯河原町土肥１－５－３８</t>
    <rPh sb="0" eb="4">
      <t>ユガワラマチ</t>
    </rPh>
    <phoneticPr fontId="1"/>
  </si>
  <si>
    <t>第041215号</t>
    <phoneticPr fontId="1"/>
  </si>
  <si>
    <t>旅宿　四季の彩　箱根彫刻の森</t>
    <phoneticPr fontId="1"/>
  </si>
  <si>
    <t>箱根町二ノ平１１１８－２</t>
    <rPh sb="0" eb="3">
      <t>ハコネマチ</t>
    </rPh>
    <phoneticPr fontId="1"/>
  </si>
  <si>
    <t>第041203号</t>
    <phoneticPr fontId="1"/>
  </si>
  <si>
    <t>箱根琥珀温泉旅館</t>
    <phoneticPr fontId="1"/>
  </si>
  <si>
    <t>箱根町仙石原１２４５－２１８</t>
    <rPh sb="0" eb="3">
      <t>ハコネマチ</t>
    </rPh>
    <phoneticPr fontId="1"/>
  </si>
  <si>
    <t>第041216号</t>
    <phoneticPr fontId="1"/>
  </si>
  <si>
    <t>箱根温泉別邸　白鷺</t>
    <phoneticPr fontId="1"/>
  </si>
  <si>
    <t>箱根町二ノ平１２９７－２２９</t>
    <rPh sb="0" eb="3">
      <t>ハコネマチ</t>
    </rPh>
    <phoneticPr fontId="1"/>
  </si>
  <si>
    <t>第041219号</t>
    <phoneticPr fontId="1"/>
  </si>
  <si>
    <t>小田原ハウス</t>
    <phoneticPr fontId="1"/>
  </si>
  <si>
    <t>小田原市浜町４－１２－４－１</t>
    <rPh sb="0" eb="4">
      <t>オダワラシ</t>
    </rPh>
    <phoneticPr fontId="1"/>
  </si>
  <si>
    <t>第041175号</t>
    <phoneticPr fontId="1"/>
  </si>
  <si>
    <t>Ｓａｋｕｒａ　Ｒａｉｌｗａｙ　Ｉｎｎ　Ｏｄａｗａｒａ</t>
    <phoneticPr fontId="1"/>
  </si>
  <si>
    <t>小田原市栄町３－７－１</t>
    <rPh sb="0" eb="4">
      <t>オダワラシ</t>
    </rPh>
    <phoneticPr fontId="1"/>
  </si>
  <si>
    <t>第041217号</t>
    <phoneticPr fontId="1"/>
  </si>
  <si>
    <t>箱根　リゾート　ｙａｍａｋｉ</t>
    <phoneticPr fontId="1"/>
  </si>
  <si>
    <t>箱根町仙石原４８０－１</t>
    <rPh sb="0" eb="3">
      <t>ハコネマチ</t>
    </rPh>
    <phoneticPr fontId="1"/>
  </si>
  <si>
    <t>第041218号</t>
    <phoneticPr fontId="1"/>
  </si>
  <si>
    <t>シーザー強羅クラブ箱根</t>
  </si>
  <si>
    <t>美術の宿　箱根もみじの森</t>
    <phoneticPr fontId="1"/>
  </si>
  <si>
    <t>界　仙石原</t>
    <phoneticPr fontId="1"/>
  </si>
  <si>
    <t>グランレクトーレ湯河原</t>
    <phoneticPr fontId="1"/>
  </si>
  <si>
    <t>ｉｎ　ｔｈｅ　ｍｅａｎｔｉｍｅ</t>
    <phoneticPr fontId="1"/>
  </si>
  <si>
    <t>箱根町二ノ平１２９７－２００</t>
    <rPh sb="0" eb="3">
      <t>ハコネマチ</t>
    </rPh>
    <phoneticPr fontId="1"/>
  </si>
  <si>
    <t>第041220号</t>
    <phoneticPr fontId="1"/>
  </si>
  <si>
    <t>ＷＩＴＨ　ＳＥＡ　真鶴　Ａ</t>
    <phoneticPr fontId="1"/>
  </si>
  <si>
    <t>真鶴町岩６１３－３</t>
    <rPh sb="0" eb="3">
      <t>マナヅルマチ</t>
    </rPh>
    <phoneticPr fontId="1"/>
  </si>
  <si>
    <t>第041228号</t>
    <phoneticPr fontId="1"/>
  </si>
  <si>
    <t>ＴＨＥ　ＧＵＥＳＴＶＩＬＬＡＧＥ　箱根芦ノ湖Ⅱ</t>
    <phoneticPr fontId="1"/>
  </si>
  <si>
    <t>箱根町元箱根１６０－２０</t>
    <rPh sb="0" eb="3">
      <t>ハコネマチ</t>
    </rPh>
    <phoneticPr fontId="1"/>
  </si>
  <si>
    <t>第041231号</t>
    <phoneticPr fontId="1"/>
  </si>
  <si>
    <t>ホテル　山賊</t>
    <phoneticPr fontId="1"/>
  </si>
  <si>
    <t>小田原市入生田４７－１</t>
    <rPh sb="0" eb="4">
      <t>オダワラシ</t>
    </rPh>
    <phoneticPr fontId="1"/>
  </si>
  <si>
    <t>第041221号</t>
    <phoneticPr fontId="1"/>
  </si>
  <si>
    <t>Ｇｒｅｅｎ　Ｏａｓｉｓ　Ｃｏｔｔａｇｅ　箱根仙石原Ａ棟</t>
    <phoneticPr fontId="1"/>
  </si>
  <si>
    <t>Ｇｒｅｅｎ　Ｏａｓｉｓ　Ｃｏｔｔａｇｅ　箱根仙石原Ｂ棟</t>
    <phoneticPr fontId="1"/>
  </si>
  <si>
    <t>箱根町仙石原６８４－１３０</t>
    <rPh sb="0" eb="3">
      <t>ハコネマチ</t>
    </rPh>
    <phoneticPr fontId="1"/>
  </si>
  <si>
    <t>第041234号</t>
    <phoneticPr fontId="1"/>
  </si>
  <si>
    <t>第041235号</t>
    <phoneticPr fontId="1"/>
  </si>
  <si>
    <t>コンドミニアム桜Ｂ５</t>
    <phoneticPr fontId="1"/>
  </si>
  <si>
    <t>箱根町湯本茶屋２３０－３２</t>
    <rPh sb="0" eb="3">
      <t>ハコネマチ</t>
    </rPh>
    <phoneticPr fontId="1"/>
  </si>
  <si>
    <t>第041233号</t>
    <phoneticPr fontId="1"/>
  </si>
  <si>
    <t>箱根町強羅１３２０－５８２</t>
    <rPh sb="0" eb="3">
      <t>ハコネマチ</t>
    </rPh>
    <phoneticPr fontId="1"/>
  </si>
  <si>
    <t>第041238号</t>
    <phoneticPr fontId="1"/>
  </si>
  <si>
    <t>湯治宿　かふね</t>
    <phoneticPr fontId="1"/>
  </si>
  <si>
    <t>湯河原町宮上３６５</t>
    <rPh sb="0" eb="4">
      <t>ユガワラマチ</t>
    </rPh>
    <phoneticPr fontId="1"/>
  </si>
  <si>
    <t>第041248号</t>
    <phoneticPr fontId="1"/>
  </si>
  <si>
    <t>湯河原六門</t>
    <phoneticPr fontId="1"/>
  </si>
  <si>
    <t>湯河原町宮上３０１</t>
    <rPh sb="0" eb="4">
      <t>ユガワラマチ</t>
    </rPh>
    <phoneticPr fontId="1"/>
  </si>
  <si>
    <t>第041240号</t>
    <phoneticPr fontId="1"/>
  </si>
  <si>
    <t>ゲストヴィラ　箱根風祭</t>
    <phoneticPr fontId="1"/>
  </si>
  <si>
    <t>小田原市風祭２２４－３</t>
    <rPh sb="0" eb="4">
      <t>オダワラシ</t>
    </rPh>
    <phoneticPr fontId="1"/>
  </si>
  <si>
    <t>第041250号</t>
    <phoneticPr fontId="1"/>
  </si>
  <si>
    <t>和一庵　別館</t>
    <phoneticPr fontId="1"/>
  </si>
  <si>
    <t>箱根町宮城野５５５－２</t>
    <rPh sb="0" eb="3">
      <t>ハコネマチ</t>
    </rPh>
    <phoneticPr fontId="1"/>
  </si>
  <si>
    <t>ＢＴ－ＩＮＮ　ＯＤＡＷＡＲＡ　ＨＯＮＣＨＯ</t>
    <phoneticPr fontId="1"/>
  </si>
  <si>
    <t>小田原市本町２－２－１１</t>
    <rPh sb="0" eb="4">
      <t>オダワラシ</t>
    </rPh>
    <phoneticPr fontId="1"/>
  </si>
  <si>
    <t>第041244号</t>
    <phoneticPr fontId="1"/>
  </si>
  <si>
    <t>ＲＥＲＥＳＯ　元箱根</t>
    <phoneticPr fontId="1"/>
  </si>
  <si>
    <t>箱根町元箱根１０３－２５１</t>
    <rPh sb="0" eb="3">
      <t>ハコネマチ</t>
    </rPh>
    <phoneticPr fontId="1"/>
  </si>
  <si>
    <t>第041226号</t>
    <phoneticPr fontId="1"/>
  </si>
  <si>
    <t>ヴィラ福浦</t>
    <phoneticPr fontId="1"/>
  </si>
  <si>
    <t>湯河原町福浦１１９</t>
    <rPh sb="0" eb="4">
      <t>ユガワラマチ</t>
    </rPh>
    <phoneticPr fontId="1"/>
  </si>
  <si>
    <t>第041229号</t>
    <phoneticPr fontId="1"/>
  </si>
  <si>
    <t>箱根寄月庵</t>
    <phoneticPr fontId="1"/>
  </si>
  <si>
    <t>箱根町畑宿２００番地</t>
    <rPh sb="0" eb="3">
      <t>ハコネマチ</t>
    </rPh>
    <phoneticPr fontId="1"/>
  </si>
  <si>
    <t>第041237号</t>
    <phoneticPr fontId="1"/>
  </si>
  <si>
    <t>ＬＡＮＤ　ＫＮＯＴ　ＹＵＧＡＷＡＲＡ</t>
    <phoneticPr fontId="1"/>
  </si>
  <si>
    <t>湯河原町吉浜１１５</t>
    <rPh sb="0" eb="4">
      <t>ユガワラマチ</t>
    </rPh>
    <phoneticPr fontId="1"/>
  </si>
  <si>
    <t>第041239号</t>
    <phoneticPr fontId="1"/>
  </si>
  <si>
    <t>ＳＭＡＲＴ　ＶＩＬＬＡ　箱根芦ノ湖</t>
    <phoneticPr fontId="1"/>
  </si>
  <si>
    <t>箱根町元箱根９３－１６５</t>
    <rPh sb="0" eb="3">
      <t>ハコネマチ</t>
    </rPh>
    <phoneticPr fontId="1"/>
  </si>
  <si>
    <t>第041211号</t>
    <phoneticPr fontId="1"/>
  </si>
  <si>
    <t>Ｅｌ　Ｃａｎｔｏｎ</t>
    <phoneticPr fontId="1"/>
  </si>
  <si>
    <t>箱根町宮城野３１１</t>
    <rPh sb="0" eb="3">
      <t>ハコネマチ</t>
    </rPh>
    <phoneticPr fontId="1"/>
  </si>
  <si>
    <t>第041227号</t>
    <phoneticPr fontId="1"/>
  </si>
  <si>
    <t>梅の宿</t>
    <phoneticPr fontId="1"/>
  </si>
  <si>
    <t>小田原市本町３－１１－２４</t>
    <rPh sb="0" eb="4">
      <t>オダワラシ</t>
    </rPh>
    <phoneticPr fontId="1"/>
  </si>
  <si>
    <t>第041254号</t>
    <phoneticPr fontId="1"/>
  </si>
  <si>
    <t>ｆｕｍｉ　ｈａｋｏｎｅ</t>
    <phoneticPr fontId="1"/>
  </si>
  <si>
    <t>箱根町仙石原１０２１－２</t>
    <rPh sb="0" eb="3">
      <t>ハコネマチ</t>
    </rPh>
    <phoneticPr fontId="1"/>
  </si>
  <si>
    <t>第041257号</t>
    <phoneticPr fontId="1"/>
  </si>
  <si>
    <t>Ｈａｒｂｏｒ　Ｉｎｎ　Ｈａｙａｋａｗａ</t>
    <phoneticPr fontId="1"/>
  </si>
  <si>
    <t>小田原市早川１－１９－１３</t>
    <rPh sb="0" eb="4">
      <t>オダワラシ</t>
    </rPh>
    <phoneticPr fontId="1"/>
  </si>
  <si>
    <t>第041255号</t>
    <phoneticPr fontId="1"/>
  </si>
  <si>
    <t>Ｎｏｅｌ　Ｈａｋｏｎｅ　Ｓｋｙｌｉｇｈｔ</t>
    <phoneticPr fontId="1"/>
  </si>
  <si>
    <t>箱根町元箱根９０－８９</t>
    <rPh sb="0" eb="3">
      <t>ハコネマチ</t>
    </rPh>
    <phoneticPr fontId="1"/>
  </si>
  <si>
    <t>第041184号</t>
    <phoneticPr fontId="1"/>
  </si>
  <si>
    <t>ハーモニーヒルズＶｉｌｌａ箱根強羅</t>
    <phoneticPr fontId="1"/>
  </si>
  <si>
    <t>箱根町宮城野３０６　箱根テラスＡ</t>
    <rPh sb="0" eb="3">
      <t>ハコネマチ</t>
    </rPh>
    <phoneticPr fontId="1"/>
  </si>
  <si>
    <t>第041253号</t>
    <phoneticPr fontId="1"/>
  </si>
  <si>
    <t>箱根芦ノ湖ゴルフＶｉｌｌａ</t>
    <phoneticPr fontId="1"/>
  </si>
  <si>
    <t>箱根町箱根２４９－３</t>
    <rPh sb="0" eb="3">
      <t>ハコネマチ</t>
    </rPh>
    <phoneticPr fontId="1"/>
  </si>
  <si>
    <t>第041256号</t>
    <phoneticPr fontId="1"/>
  </si>
  <si>
    <t>箱根薫風</t>
    <phoneticPr fontId="1"/>
  </si>
  <si>
    <t>箱根町仙石原１２４６－４６０</t>
    <rPh sb="0" eb="3">
      <t>ハコネマチ</t>
    </rPh>
    <phoneticPr fontId="1"/>
  </si>
  <si>
    <t>第041251号</t>
    <phoneticPr fontId="1"/>
  </si>
  <si>
    <t>Ｒａｋｕｔｅｎ　ＳＴＡＹ　箱根すすき草原</t>
    <phoneticPr fontId="1"/>
  </si>
  <si>
    <t>箱根町仙石原字六郎兵衛１２４６－８０</t>
    <rPh sb="0" eb="3">
      <t>ハコネマチ</t>
    </rPh>
    <phoneticPr fontId="1"/>
  </si>
  <si>
    <t>第041252号</t>
    <phoneticPr fontId="1"/>
  </si>
  <si>
    <t>Ｈａｋｏｎｅ　Ｎｉｎｏｔａｉｒａ　Ｃｏｔｔａｇｅ</t>
    <phoneticPr fontId="1"/>
  </si>
  <si>
    <t>箱根町二ノ平１２９７－１７９</t>
    <rPh sb="0" eb="3">
      <t>ハコネマチ</t>
    </rPh>
    <phoneticPr fontId="1"/>
  </si>
  <si>
    <t>第041242号</t>
    <phoneticPr fontId="1"/>
  </si>
  <si>
    <t>ＳＵＷＡ　ＨＯＵＳＥ</t>
    <phoneticPr fontId="1"/>
  </si>
  <si>
    <t>箱根町宮城野５０４－３</t>
    <rPh sb="0" eb="3">
      <t>ハコネマチ</t>
    </rPh>
    <phoneticPr fontId="1"/>
  </si>
  <si>
    <t>第041208号</t>
    <phoneticPr fontId="1"/>
  </si>
  <si>
    <t>一棟貸の宿　ＡＮＯＴＨＥＲ　箱根湯本</t>
    <phoneticPr fontId="1"/>
  </si>
  <si>
    <t>箱根町湯本３８６－６１</t>
    <rPh sb="0" eb="3">
      <t>ハコネマチ</t>
    </rPh>
    <phoneticPr fontId="1"/>
  </si>
  <si>
    <t>第041230号</t>
    <phoneticPr fontId="1"/>
  </si>
  <si>
    <t>ＫＯＩ　ＨＡＫＯＮＥ　星那</t>
    <phoneticPr fontId="1"/>
  </si>
  <si>
    <t>箱根町元箱根１０１－２</t>
    <rPh sb="0" eb="3">
      <t>ハコネマチ</t>
    </rPh>
    <phoneticPr fontId="1"/>
  </si>
  <si>
    <t>箱根町元箱根１０１－３</t>
    <rPh sb="0" eb="3">
      <t>ハコネマチ</t>
    </rPh>
    <phoneticPr fontId="1"/>
  </si>
  <si>
    <t>ＫＯＩ　ＨＡＫＯＮＥ　望湖</t>
    <phoneticPr fontId="1"/>
  </si>
  <si>
    <t>第041245号</t>
    <phoneticPr fontId="1"/>
  </si>
  <si>
    <t>第041246号</t>
  </si>
  <si>
    <t>フォートリート箱根仙石原</t>
    <phoneticPr fontId="1"/>
  </si>
  <si>
    <t>山の影</t>
    <phoneticPr fontId="1"/>
  </si>
  <si>
    <t>箱根町仙石原１２４５－３１</t>
    <rPh sb="0" eb="3">
      <t>ハコネマチ</t>
    </rPh>
    <phoneticPr fontId="1"/>
  </si>
  <si>
    <t>シエロ箱根仙石原</t>
    <phoneticPr fontId="1"/>
  </si>
  <si>
    <t>第041243号</t>
    <phoneticPr fontId="1"/>
  </si>
  <si>
    <t>湯河原町宮下４８３－１</t>
    <rPh sb="0" eb="3">
      <t>ユガワラ</t>
    </rPh>
    <rPh sb="3" eb="4">
      <t>マチ</t>
    </rPh>
    <phoneticPr fontId="1"/>
  </si>
  <si>
    <t>ＳｋｙＶｉｌｌａ　湯河原</t>
    <phoneticPr fontId="1"/>
  </si>
  <si>
    <t>第041232号</t>
    <phoneticPr fontId="1"/>
  </si>
  <si>
    <t>小田原市早川２－３－１</t>
    <rPh sb="0" eb="3">
      <t>オダワラ</t>
    </rPh>
    <rPh sb="3" eb="4">
      <t>シ</t>
    </rPh>
    <phoneticPr fontId="1"/>
  </si>
  <si>
    <t>箱根ベース</t>
    <phoneticPr fontId="1"/>
  </si>
  <si>
    <t>第041241号</t>
    <phoneticPr fontId="1"/>
  </si>
  <si>
    <t>小田原市早川１１８－１</t>
    <rPh sb="0" eb="4">
      <t>オダワラシ</t>
    </rPh>
    <phoneticPr fontId="1"/>
  </si>
  <si>
    <t>小田原シーサイドハウス</t>
    <phoneticPr fontId="1"/>
  </si>
  <si>
    <t>第041247号</t>
    <phoneticPr fontId="1"/>
  </si>
  <si>
    <t>箱根町元箱根１６０－５１</t>
    <rPh sb="0" eb="3">
      <t>ハコネマチ</t>
    </rPh>
    <phoneticPr fontId="1"/>
  </si>
  <si>
    <t>Ｒａｋｕｔｅｎ　ＳＴＡＹ　ＶＩＬＬＡ　箱根桃源台</t>
    <phoneticPr fontId="1"/>
  </si>
  <si>
    <t>第041261号</t>
    <phoneticPr fontId="1"/>
  </si>
  <si>
    <t>箱根町強羅１３２０－１０９６</t>
    <rPh sb="0" eb="3">
      <t>ハコネマチ</t>
    </rPh>
    <phoneticPr fontId="1"/>
  </si>
  <si>
    <t>Ｎｏｏｋ箱根強羅</t>
    <phoneticPr fontId="1"/>
  </si>
  <si>
    <t>第041263号</t>
    <phoneticPr fontId="1"/>
  </si>
  <si>
    <t>箱根町宮城野５７８</t>
    <rPh sb="0" eb="3">
      <t>ハコネマチ</t>
    </rPh>
    <phoneticPr fontId="1"/>
  </si>
  <si>
    <t>サムライベース箱根宮城野</t>
    <phoneticPr fontId="1"/>
  </si>
  <si>
    <t>第041259号</t>
    <phoneticPr fontId="1"/>
  </si>
  <si>
    <t>箱根町仙石原１２４６－４６９</t>
    <rPh sb="0" eb="3">
      <t>ハコネマチ</t>
    </rPh>
    <phoneticPr fontId="1"/>
  </si>
  <si>
    <t>箱根懐來</t>
    <phoneticPr fontId="1"/>
  </si>
  <si>
    <t>第041260号</t>
    <phoneticPr fontId="1"/>
  </si>
  <si>
    <t>真鶴町岩６１３－４</t>
    <rPh sb="0" eb="3">
      <t>マナヅルマチ</t>
    </rPh>
    <phoneticPr fontId="1"/>
  </si>
  <si>
    <t>ＷＩＴＨ　ＳＥＡ　真鶴　Ｂ</t>
    <phoneticPr fontId="1"/>
  </si>
  <si>
    <t>第041258号</t>
    <phoneticPr fontId="1"/>
  </si>
  <si>
    <t>箱根町仙石原１１１３－１</t>
    <rPh sb="0" eb="3">
      <t>ハコネマチ</t>
    </rPh>
    <phoneticPr fontId="1"/>
  </si>
  <si>
    <t>ゲストヴィラ箱根仙石原金時</t>
    <phoneticPr fontId="1"/>
  </si>
  <si>
    <t>第041270号</t>
    <phoneticPr fontId="1"/>
  </si>
  <si>
    <t>箱根町大平台字姫ノ水４５２－１</t>
    <rPh sb="0" eb="3">
      <t>ハコネマチ</t>
    </rPh>
    <phoneticPr fontId="1"/>
  </si>
  <si>
    <t>ＴＩＭｅＳＣＡＰＥ　－ｈａｋｏｎｅ－</t>
    <phoneticPr fontId="1"/>
  </si>
  <si>
    <t>第041207号</t>
    <phoneticPr fontId="1"/>
  </si>
  <si>
    <t>箱根町箱根９８</t>
    <rPh sb="0" eb="3">
      <t>ハコネマチ</t>
    </rPh>
    <phoneticPr fontId="1"/>
  </si>
  <si>
    <t>ＬＡＫＥ　ＡＳＨＩ　ＭＯＴＥＬ</t>
    <phoneticPr fontId="1"/>
  </si>
  <si>
    <t>第041267号</t>
    <phoneticPr fontId="1"/>
  </si>
  <si>
    <t>箱根町湯本４４６－１３</t>
    <rPh sb="0" eb="3">
      <t>ハコネマチ</t>
    </rPh>
    <phoneticPr fontId="1"/>
  </si>
  <si>
    <t>Ｈｏｕｓｅ　Ｈｏｔｅｌ　箱根湯本</t>
    <phoneticPr fontId="1"/>
  </si>
  <si>
    <t>第041276号</t>
    <phoneticPr fontId="1"/>
  </si>
  <si>
    <t>箱根町木賀１０１３－６３</t>
    <rPh sb="0" eb="3">
      <t>ハコネマチ</t>
    </rPh>
    <phoneticPr fontId="1"/>
  </si>
  <si>
    <t>Ｎａｚｕｎａ　箱根　宮ノ下</t>
    <phoneticPr fontId="1"/>
  </si>
  <si>
    <t>第041264号</t>
    <phoneticPr fontId="1"/>
  </si>
  <si>
    <t>箱根町湯本３１１－６</t>
    <rPh sb="0" eb="3">
      <t>ハコネマチ</t>
    </rPh>
    <phoneticPr fontId="1"/>
  </si>
  <si>
    <t>楽宿箱根</t>
    <phoneticPr fontId="1"/>
  </si>
  <si>
    <t>第041265号</t>
    <rPh sb="0" eb="1">
      <t>ダイ</t>
    </rPh>
    <rPh sb="7" eb="8">
      <t>ゴウ</t>
    </rPh>
    <phoneticPr fontId="1"/>
  </si>
  <si>
    <t>箱根町強羅１３００－１２４</t>
    <rPh sb="0" eb="3">
      <t>ハコネマチ</t>
    </rPh>
    <phoneticPr fontId="1"/>
  </si>
  <si>
    <t>ｍｉｄ－Ｇｏｒａｚａｋａ　強羅坂の途中</t>
    <phoneticPr fontId="1"/>
  </si>
  <si>
    <t>第041268号</t>
    <phoneticPr fontId="1"/>
  </si>
  <si>
    <t>箱根町仙石原１２４６－６０２</t>
    <rPh sb="0" eb="3">
      <t>ハコネマチ</t>
    </rPh>
    <phoneticPr fontId="1"/>
  </si>
  <si>
    <t>ＶＩＬＬＡ　ＨＡＫＯＮＥ　ＧＡＲＤＥＮ仙石原</t>
    <phoneticPr fontId="1"/>
  </si>
  <si>
    <t>第041274号</t>
    <phoneticPr fontId="1"/>
  </si>
  <si>
    <t>小田原市栄町２－４－１３－１　２Ｆ</t>
    <rPh sb="0" eb="4">
      <t>オダワラシ</t>
    </rPh>
    <phoneticPr fontId="1"/>
  </si>
  <si>
    <t>小由る木</t>
    <phoneticPr fontId="1"/>
  </si>
  <si>
    <t>Ｔｉｐｙ　ｒｅｃｏｒｄｓ　ｉｎｎ　ｎｏｏｋ</t>
    <phoneticPr fontId="1"/>
  </si>
  <si>
    <t>第041273号</t>
    <phoneticPr fontId="1"/>
  </si>
  <si>
    <t>小田原市栄町３－２－７</t>
    <rPh sb="0" eb="4">
      <t>オダワラシ</t>
    </rPh>
    <phoneticPr fontId="1"/>
  </si>
  <si>
    <t>第041272号</t>
    <phoneticPr fontId="1"/>
  </si>
  <si>
    <t>リトリート真鶴（Rustic Retreat）</t>
    <phoneticPr fontId="1"/>
  </si>
  <si>
    <t>ＣＯＣＯ　ＶＩＬＬＡ　奥湯河原</t>
    <phoneticPr fontId="1"/>
  </si>
  <si>
    <t>ＷＰÜ　ＨＡＫＯＮＥ</t>
    <phoneticPr fontId="1"/>
  </si>
  <si>
    <t>箱根町小涌谷４９３－５３</t>
    <rPh sb="0" eb="3">
      <t>ハコネマチ</t>
    </rPh>
    <phoneticPr fontId="1"/>
  </si>
  <si>
    <t>小涌谷・樂</t>
    <phoneticPr fontId="1"/>
  </si>
  <si>
    <t>第041271号</t>
    <phoneticPr fontId="1"/>
  </si>
  <si>
    <t>箱根町湯本８５２－５</t>
    <rPh sb="0" eb="3">
      <t>ハコネマチ</t>
    </rPh>
    <phoneticPr fontId="1"/>
  </si>
  <si>
    <t>ＫＯＩ湯本見山</t>
    <phoneticPr fontId="1"/>
  </si>
  <si>
    <t>第041279号</t>
    <phoneticPr fontId="1"/>
  </si>
  <si>
    <t>箱根町小涌谷５２０－３４</t>
    <rPh sb="0" eb="3">
      <t>ハコネマチ</t>
    </rPh>
    <phoneticPr fontId="1"/>
  </si>
  <si>
    <t>樹</t>
    <phoneticPr fontId="1"/>
  </si>
  <si>
    <t>第041283号</t>
    <phoneticPr fontId="1"/>
  </si>
  <si>
    <t>真鶴町真鶴３２１－２</t>
    <rPh sb="0" eb="3">
      <t>マナヅルマチ</t>
    </rPh>
    <phoneticPr fontId="1"/>
  </si>
  <si>
    <t>北斗</t>
    <phoneticPr fontId="1"/>
  </si>
  <si>
    <t>第041294号</t>
    <phoneticPr fontId="1"/>
  </si>
  <si>
    <t>湯河原町宮上字孫込下７４２番２８６</t>
    <rPh sb="0" eb="4">
      <t>ユガワラマチ</t>
    </rPh>
    <phoneticPr fontId="1"/>
  </si>
  <si>
    <t>Ｂｏｏｇｉｅ　Ｇａｒｄｅｎ</t>
    <phoneticPr fontId="1"/>
  </si>
  <si>
    <t>第041290号</t>
    <phoneticPr fontId="1"/>
  </si>
  <si>
    <t>箱根町湯本２７６－１０</t>
    <rPh sb="0" eb="3">
      <t>ハコネマチ</t>
    </rPh>
    <phoneticPr fontId="1"/>
  </si>
  <si>
    <t>Ｓａｋｕｒａ　ｈｏｕｓｅ</t>
    <phoneticPr fontId="1"/>
  </si>
  <si>
    <t>第041275号</t>
    <phoneticPr fontId="1"/>
  </si>
  <si>
    <t>箱根町仙石原１２４６－８４</t>
    <rPh sb="0" eb="3">
      <t>ハコネマチ</t>
    </rPh>
    <phoneticPr fontId="1"/>
  </si>
  <si>
    <t>箱根こもれび庵</t>
    <phoneticPr fontId="1"/>
  </si>
  <si>
    <t>第041285号</t>
    <phoneticPr fontId="1"/>
  </si>
  <si>
    <t>箱根町仙石原字小塚山１２８５－７０７</t>
    <rPh sb="0" eb="3">
      <t>ハコネマチ</t>
    </rPh>
    <phoneticPr fontId="1"/>
  </si>
  <si>
    <t>スイートヴィラ　箱根　湯治ｒｅｔｒｅａｔ</t>
    <phoneticPr fontId="1"/>
  </si>
  <si>
    <t>第041289号</t>
    <phoneticPr fontId="1"/>
  </si>
  <si>
    <t>小田原市南町３－８－１５</t>
    <rPh sb="0" eb="4">
      <t>オダワラシ</t>
    </rPh>
    <phoneticPr fontId="1"/>
  </si>
  <si>
    <t>Ｐｒｉｖａｔｅ　Ｖｉｌｌａ　Ｍｉｎａｍｉｃｈｏ　Ｏｄａｗａｒａ</t>
    <phoneticPr fontId="1"/>
  </si>
  <si>
    <t>第041288号</t>
    <phoneticPr fontId="1"/>
  </si>
  <si>
    <t>箱根町湯本１４１－１</t>
    <rPh sb="0" eb="3">
      <t>ハコネマチ</t>
    </rPh>
    <phoneticPr fontId="1"/>
  </si>
  <si>
    <t>箱根湯本　朱鷺</t>
    <phoneticPr fontId="1"/>
  </si>
  <si>
    <t>第041284号</t>
    <phoneticPr fontId="1"/>
  </si>
  <si>
    <t>箱根町元箱根９３－１４３</t>
    <rPh sb="0" eb="3">
      <t>ハコネマチ</t>
    </rPh>
    <phoneticPr fontId="1"/>
  </si>
  <si>
    <t>ＯＹＡＤＯ　Ｓ</t>
    <phoneticPr fontId="1"/>
  </si>
  <si>
    <t>第041277号</t>
    <phoneticPr fontId="1"/>
  </si>
  <si>
    <t>箱根町仙石原１２４６－３５０</t>
    <rPh sb="0" eb="3">
      <t>ハコネマチ</t>
    </rPh>
    <phoneticPr fontId="1"/>
  </si>
  <si>
    <t>箱根ゴールデンビスタ</t>
    <phoneticPr fontId="1"/>
  </si>
  <si>
    <t>第041286号</t>
    <phoneticPr fontId="1"/>
  </si>
  <si>
    <t>Ｓｅｒｅｎｉｔｙ　Ｓｐｒｉｎｇｓ　Ｖｉｌｌａ　Ｍｏｒｉｔａ</t>
    <phoneticPr fontId="1"/>
  </si>
  <si>
    <t>箱根町仙石原小塚山１２８５－４３２</t>
    <rPh sb="0" eb="3">
      <t>ハコネマチ</t>
    </rPh>
    <phoneticPr fontId="1"/>
  </si>
  <si>
    <t>第041287号</t>
    <phoneticPr fontId="1"/>
  </si>
  <si>
    <t>箱根町元箱根１０３－３０１</t>
    <rPh sb="0" eb="3">
      <t>ハコネマチ</t>
    </rPh>
    <phoneticPr fontId="1"/>
  </si>
  <si>
    <t>Ｔｏｋｉ　Ｈａｕｓ</t>
    <phoneticPr fontId="1"/>
  </si>
  <si>
    <t>第041278号</t>
    <phoneticPr fontId="1"/>
  </si>
  <si>
    <t>第041147号</t>
    <phoneticPr fontId="1"/>
  </si>
  <si>
    <t>小田原市前川５５６－５</t>
    <rPh sb="0" eb="4">
      <t>オダワラシ</t>
    </rPh>
    <phoneticPr fontId="1"/>
  </si>
  <si>
    <t>アトイエ</t>
    <phoneticPr fontId="1"/>
  </si>
  <si>
    <t>第041282号</t>
    <phoneticPr fontId="1"/>
  </si>
  <si>
    <t>箱根町湯本２７７－４</t>
    <rPh sb="0" eb="3">
      <t>ハコネマチ</t>
    </rPh>
    <phoneticPr fontId="1"/>
  </si>
  <si>
    <t>アートステイ箱根</t>
    <phoneticPr fontId="1"/>
  </si>
  <si>
    <t>第041262号</t>
    <phoneticPr fontId="1"/>
  </si>
  <si>
    <t>小田原市堀之内３５３－１</t>
    <rPh sb="0" eb="4">
      <t>オダワラシ</t>
    </rPh>
    <phoneticPr fontId="1"/>
  </si>
  <si>
    <t>富士</t>
    <phoneticPr fontId="1"/>
  </si>
  <si>
    <t>第041276号</t>
    <phoneticPr fontId="1"/>
  </si>
  <si>
    <t>箱根町強羅１３２０－８４６</t>
    <rPh sb="0" eb="3">
      <t>ハコネマチ</t>
    </rPh>
    <phoneticPr fontId="1"/>
  </si>
  <si>
    <t>プライベートリゾート仙居</t>
    <phoneticPr fontId="1"/>
  </si>
  <si>
    <t>第041269号</t>
    <phoneticPr fontId="1"/>
  </si>
  <si>
    <t>箱根町二ノ平１２９７－１６１</t>
    <rPh sb="0" eb="3">
      <t>ハコネマチ</t>
    </rPh>
    <phoneticPr fontId="1"/>
  </si>
  <si>
    <t>ＧＯＲＡ　ＣＯＩＮＣＯＬＡ　ＶＩＬＬＡ</t>
    <phoneticPr fontId="1"/>
  </si>
  <si>
    <t>第041292号</t>
    <phoneticPr fontId="1"/>
  </si>
  <si>
    <t>真鶴町真鶴８１８－３</t>
    <rPh sb="0" eb="3">
      <t>マナヅルマチ</t>
    </rPh>
    <phoneticPr fontId="1"/>
  </si>
  <si>
    <t>リビエラ　マナヅル</t>
    <phoneticPr fontId="1"/>
  </si>
  <si>
    <t>第041304号</t>
    <phoneticPr fontId="1"/>
  </si>
  <si>
    <t>箱根町仙石原１２３６</t>
    <rPh sb="0" eb="3">
      <t>ハコネマチ</t>
    </rPh>
    <phoneticPr fontId="1"/>
  </si>
  <si>
    <t>Ａｓｕｋａ・Ａｃａｄｅｍｙ箱根仙石原館</t>
    <phoneticPr fontId="1"/>
  </si>
  <si>
    <t>第041305号</t>
    <phoneticPr fontId="1"/>
  </si>
  <si>
    <t>箱根町元箱根９３－１４４</t>
    <rPh sb="0" eb="3">
      <t>ハコネマチ</t>
    </rPh>
    <phoneticPr fontId="1"/>
  </si>
  <si>
    <t>箱根ヒルズ</t>
    <phoneticPr fontId="1"/>
  </si>
  <si>
    <t>第041295号</t>
    <phoneticPr fontId="1"/>
  </si>
  <si>
    <t>湯河原町土肥４丁目３－１６</t>
    <rPh sb="0" eb="4">
      <t>ユガワラマチ</t>
    </rPh>
    <phoneticPr fontId="1"/>
  </si>
  <si>
    <t>Ｇｕｅｓｔｈｏｕｓｅ　ＧＲＯＵＮＤＷＯＲＫ</t>
    <phoneticPr fontId="1"/>
  </si>
  <si>
    <t>第041302号</t>
    <phoneticPr fontId="1"/>
  </si>
  <si>
    <t>箱根町仙石原９５６－５２</t>
    <rPh sb="0" eb="3">
      <t>ハコネマチ</t>
    </rPh>
    <phoneticPr fontId="1"/>
  </si>
  <si>
    <t>ＣＨＩＬＬ　ＣＯＴＴＡＧＥ　ＨＡＫＯＮＥ</t>
    <phoneticPr fontId="1"/>
  </si>
  <si>
    <t>第041300号</t>
    <phoneticPr fontId="1"/>
  </si>
  <si>
    <t>箱根町元箱根９３－１０８</t>
    <rPh sb="0" eb="3">
      <t>ハコネマチ</t>
    </rPh>
    <phoneticPr fontId="1"/>
  </si>
  <si>
    <t>Ｃａｓａｂｌａｎｃａ　Ｖｉｌｌａ　Ｈａｋｏｎｅ</t>
    <phoneticPr fontId="1"/>
  </si>
  <si>
    <t>第041293号</t>
    <phoneticPr fontId="1"/>
  </si>
  <si>
    <t>箱根町二ノ平１１０５</t>
    <rPh sb="0" eb="3">
      <t>ハコネマチ</t>
    </rPh>
    <phoneticPr fontId="1"/>
  </si>
  <si>
    <t>Ｒｅｌａｘｉｎｇ　箱根彫刻の森</t>
    <phoneticPr fontId="1"/>
  </si>
  <si>
    <t>第041291号</t>
    <phoneticPr fontId="1"/>
  </si>
  <si>
    <t>小田原市浜町三丁目６－２</t>
    <rPh sb="0" eb="4">
      <t>オダワラシ</t>
    </rPh>
    <phoneticPr fontId="1"/>
  </si>
  <si>
    <t>隠れ宿　波風の音</t>
    <phoneticPr fontId="1"/>
  </si>
  <si>
    <t>第041296号</t>
    <phoneticPr fontId="1"/>
  </si>
  <si>
    <t>ＳＹＬＡ　ＨＯＴＥＬ　箱根強羅　ＷＥＳＴ</t>
    <phoneticPr fontId="1"/>
  </si>
  <si>
    <t>ＳＹＬＡ　ＨＯＴＥＬ　箱根強羅　ＥＡＳＴ</t>
    <phoneticPr fontId="1"/>
  </si>
  <si>
    <t>箱根町元箱根１０３－２４３</t>
    <phoneticPr fontId="1"/>
  </si>
  <si>
    <t>箱根町元箱根１０３－１２８</t>
    <rPh sb="0" eb="3">
      <t>ハコネマチ</t>
    </rPh>
    <phoneticPr fontId="1"/>
  </si>
  <si>
    <t>ＧＥＯＳＰＯＴ　ＭＯＴＯＨＡＫＯＮＥ　Ａ</t>
    <phoneticPr fontId="1"/>
  </si>
  <si>
    <t>ＧＥＯＳＰＯＴ　ＭＯＴＯＨＡＫＯＮＥ　Ｂ</t>
    <phoneticPr fontId="1"/>
  </si>
  <si>
    <t>第041298号</t>
    <phoneticPr fontId="1"/>
  </si>
  <si>
    <t>第041299号</t>
    <phoneticPr fontId="1"/>
  </si>
  <si>
    <t>箱根町強羅１３００－１３７</t>
    <phoneticPr fontId="1"/>
  </si>
  <si>
    <t>箱根町強羅１３００－１５３</t>
    <phoneticPr fontId="1"/>
  </si>
  <si>
    <t>箱根強羅　縁</t>
    <phoneticPr fontId="1"/>
  </si>
  <si>
    <t>第041311号</t>
    <phoneticPr fontId="1"/>
  </si>
  <si>
    <t>小田原市本町３－３－１９</t>
    <rPh sb="0" eb="3">
      <t>オダワラ</t>
    </rPh>
    <rPh sb="3" eb="4">
      <t>シ</t>
    </rPh>
    <phoneticPr fontId="1"/>
  </si>
  <si>
    <t>蒼（あおい）</t>
    <phoneticPr fontId="1"/>
  </si>
  <si>
    <t>第041308号</t>
    <phoneticPr fontId="1"/>
  </si>
  <si>
    <t>箱根町仙石原１２８５－１７</t>
    <rPh sb="0" eb="3">
      <t>ハコネマチ</t>
    </rPh>
    <phoneticPr fontId="1"/>
  </si>
  <si>
    <t>箱根ひばり乃</t>
    <phoneticPr fontId="1"/>
  </si>
  <si>
    <t>第041306号</t>
    <phoneticPr fontId="1"/>
  </si>
  <si>
    <t>湯河原町宮上７４９－２００</t>
    <rPh sb="0" eb="4">
      <t>ユガワラマチ</t>
    </rPh>
    <phoneticPr fontId="1"/>
  </si>
  <si>
    <t>わんちゃんトレーニングセンター</t>
    <phoneticPr fontId="1"/>
  </si>
  <si>
    <t>第041309号</t>
    <phoneticPr fontId="1"/>
  </si>
  <si>
    <t>小田原市中町３－１３－８</t>
    <rPh sb="0" eb="4">
      <t>オダワラシ</t>
    </rPh>
    <phoneticPr fontId="1"/>
  </si>
  <si>
    <t>ＣＯＺＹ　ＨＯＵＳＥ</t>
    <phoneticPr fontId="1"/>
  </si>
  <si>
    <t>第041307号</t>
    <phoneticPr fontId="1"/>
  </si>
  <si>
    <t>旅館業法許可施設一覧(令和７年９月30日現在)　　小田原保健福祉事務所所管域（小田原市、箱根町、真鶴町、湯河原町）</t>
    <rPh sb="0" eb="4">
      <t>リョカンギョウホウ</t>
    </rPh>
    <rPh sb="4" eb="6">
      <t>キョカ</t>
    </rPh>
    <rPh sb="6" eb="8">
      <t>シセツ</t>
    </rPh>
    <rPh sb="8" eb="10">
      <t>イチラ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6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sz val="16"/>
      <color theme="1"/>
      <name val="ＭＳ Ｐゴシック"/>
      <family val="3"/>
      <charset val="128"/>
      <scheme val="minor"/>
    </font>
    <font>
      <sz val="10"/>
      <color theme="1"/>
      <name val="ＭＳ 明朝"/>
      <family val="2"/>
      <charset val="128"/>
    </font>
    <font>
      <sz val="10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ajor"/>
    </font>
    <font>
      <sz val="14"/>
      <color rgb="FFFF0000"/>
      <name val="ＭＳ 明朝"/>
      <family val="2"/>
      <charset val="128"/>
    </font>
    <font>
      <sz val="10"/>
      <color rgb="FFFF0000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3" fillId="0" borderId="0"/>
    <xf numFmtId="0" fontId="3" fillId="0" borderId="0"/>
    <xf numFmtId="0" fontId="7" fillId="0" borderId="0"/>
  </cellStyleXfs>
  <cellXfs count="29">
    <xf numFmtId="0" fontId="0" fillId="0" borderId="0" xfId="0">
      <alignment vertical="center"/>
    </xf>
    <xf numFmtId="0" fontId="5" fillId="0" borderId="1" xfId="2" applyFont="1" applyFill="1" applyBorder="1" applyAlignment="1">
      <alignment vertical="center" shrinkToFit="1"/>
    </xf>
    <xf numFmtId="0" fontId="6" fillId="0" borderId="1" xfId="0" applyFont="1" applyFill="1" applyBorder="1" applyAlignment="1">
      <alignment vertical="center" shrinkToFit="1"/>
    </xf>
    <xf numFmtId="0" fontId="5" fillId="0" borderId="1" xfId="2" applyFont="1" applyFill="1" applyBorder="1" applyAlignment="1">
      <alignment vertical="center" wrapText="1"/>
    </xf>
    <xf numFmtId="0" fontId="4" fillId="0" borderId="1" xfId="0" applyFont="1" applyFill="1" applyBorder="1" applyAlignment="1">
      <alignment vertical="center" shrinkToFit="1"/>
    </xf>
    <xf numFmtId="0" fontId="8" fillId="0" borderId="1" xfId="2" applyFont="1" applyFill="1" applyBorder="1" applyAlignment="1">
      <alignment vertical="center" shrinkToFit="1"/>
    </xf>
    <xf numFmtId="0" fontId="4" fillId="0" borderId="1" xfId="0" applyFont="1" applyFill="1" applyBorder="1" applyAlignment="1">
      <alignment vertical="center"/>
    </xf>
    <xf numFmtId="0" fontId="4" fillId="2" borderId="1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vertical="center" shrinkToFit="1"/>
    </xf>
    <xf numFmtId="0" fontId="8" fillId="0" borderId="1" xfId="2" applyFont="1" applyFill="1" applyBorder="1" applyAlignment="1">
      <alignment vertical="center" wrapText="1"/>
    </xf>
    <xf numFmtId="0" fontId="8" fillId="0" borderId="1" xfId="2" applyFont="1" applyFill="1" applyBorder="1" applyAlignment="1">
      <alignment vertical="center" wrapText="1" shrinkToFit="1"/>
    </xf>
    <xf numFmtId="0" fontId="4" fillId="0" borderId="1" xfId="2" applyFont="1" applyFill="1" applyBorder="1" applyAlignment="1">
      <alignment vertical="center" shrinkToFit="1"/>
    </xf>
    <xf numFmtId="0" fontId="8" fillId="0" borderId="1" xfId="3" applyFont="1" applyFill="1" applyBorder="1" applyAlignment="1">
      <alignment vertical="center" wrapText="1"/>
    </xf>
    <xf numFmtId="0" fontId="11" fillId="0" borderId="0" xfId="2" applyFont="1" applyFill="1" applyBorder="1" applyAlignment="1">
      <alignment wrapText="1"/>
    </xf>
    <xf numFmtId="0" fontId="12" fillId="0" borderId="0" xfId="0" applyFont="1" applyBorder="1" applyAlignment="1">
      <alignment vertical="center" shrinkToFit="1"/>
    </xf>
    <xf numFmtId="0" fontId="13" fillId="0" borderId="1" xfId="0" applyFont="1" applyFill="1" applyBorder="1">
      <alignment vertical="center"/>
    </xf>
    <xf numFmtId="0" fontId="4" fillId="0" borderId="0" xfId="0" applyFont="1" applyBorder="1" applyAlignment="1">
      <alignment vertical="center" shrinkToFit="1"/>
    </xf>
    <xf numFmtId="0" fontId="2" fillId="0" borderId="0" xfId="0" applyFont="1" applyBorder="1" applyAlignment="1">
      <alignment vertical="center" shrinkToFit="1"/>
    </xf>
    <xf numFmtId="0" fontId="4" fillId="3" borderId="1" xfId="0" applyFont="1" applyFill="1" applyBorder="1" applyAlignment="1">
      <alignment horizontal="center" vertical="center" shrinkToFit="1"/>
    </xf>
    <xf numFmtId="0" fontId="5" fillId="0" borderId="1" xfId="3" applyFont="1" applyFill="1" applyBorder="1" applyAlignment="1">
      <alignment vertical="center" wrapText="1"/>
    </xf>
    <xf numFmtId="0" fontId="5" fillId="0" borderId="1" xfId="2" applyFont="1" applyFill="1" applyBorder="1" applyAlignment="1">
      <alignment vertical="center" wrapText="1" shrinkToFit="1"/>
    </xf>
    <xf numFmtId="0" fontId="10" fillId="0" borderId="0" xfId="0" applyFont="1" applyBorder="1" applyAlignment="1">
      <alignment vertical="center" shrinkToFit="1"/>
    </xf>
    <xf numFmtId="0" fontId="4" fillId="0" borderId="0" xfId="0" applyFont="1" applyFill="1" applyBorder="1" applyAlignment="1">
      <alignment horizontal="center" vertical="center" shrinkToFit="1"/>
    </xf>
    <xf numFmtId="0" fontId="15" fillId="0" borderId="0" xfId="0" applyFont="1" applyBorder="1" applyAlignment="1">
      <alignment vertical="center" shrinkToFit="1"/>
    </xf>
    <xf numFmtId="0" fontId="10" fillId="0" borderId="0" xfId="0" applyFont="1" applyFill="1" applyBorder="1" applyAlignment="1">
      <alignment vertical="center" shrinkToFit="1"/>
    </xf>
    <xf numFmtId="0" fontId="14" fillId="0" borderId="0" xfId="0" applyFont="1" applyBorder="1" applyAlignment="1">
      <alignment vertical="center" shrinkToFit="1"/>
    </xf>
    <xf numFmtId="0" fontId="6" fillId="0" borderId="1" xfId="0" applyFont="1" applyFill="1" applyBorder="1" applyAlignment="1">
      <alignment vertical="center"/>
    </xf>
    <xf numFmtId="0" fontId="4" fillId="0" borderId="1" xfId="0" applyFont="1" applyFill="1" applyBorder="1" applyAlignment="1">
      <alignment horizontal="right" vertical="center" shrinkToFit="1"/>
    </xf>
    <xf numFmtId="0" fontId="9" fillId="0" borderId="0" xfId="0" applyFont="1" applyBorder="1" applyAlignment="1">
      <alignment horizontal="center" vertical="center" shrinkToFit="1"/>
    </xf>
  </cellXfs>
  <cellStyles count="4">
    <cellStyle name="標準" xfId="0" builtinId="0"/>
    <cellStyle name="標準 2" xfId="1"/>
    <cellStyle name="標準_Sheet1" xfId="2"/>
    <cellStyle name="標準_Sheet1_1" xfId="3"/>
  </cellStyles>
  <dxfs count="2">
    <dxf>
      <fill>
        <patternFill>
          <bgColor rgb="FFFFFF00"/>
        </patternFill>
      </fill>
    </dxf>
    <dxf>
      <fill>
        <patternFill>
          <bgColor rgb="FFFFA500"/>
        </patternFill>
      </fill>
    </dxf>
  </dxfs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&#12489;&#12461;&#12517;&#12513;&#12531;&#12488;\05_&#23567;&#30000;&#21407;HWC&#65288;&#65300;&#26376;&#20998;&#65289;&#65288;&#26032;&#35215;&#65304;&#12289;&#22793;&#26356;&#65305;&#12289;&#22793;&#26356;&#65288;&#35698;&#28193;&#65289;&#65297;&#12289;&#22793;&#26356;&#65288;&#21512;&#20341;&#65289;&#65297;&#12289;&#24259;&#26989;&#65302;&#65289;\&#12304;&#23567;&#30000;&#21407;HWC&#12305;-4&#26376;&#26053;&#39208;&#26989;&#27861;&#35377;&#21487;&#26045;&#35373;_&#12450;&#12483;&#12503;&#12525;&#12540;&#12489;&#29992;&#12501;&#12449;&#12452;&#12523;_v2.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最新施設情報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>
    <pageSetUpPr fitToPage="1"/>
  </sheetPr>
  <dimension ref="A1:H1050"/>
  <sheetViews>
    <sheetView tabSelected="1" view="pageBreakPreview" zoomScale="60" zoomScaleNormal="100" workbookViewId="0">
      <pane ySplit="2" topLeftCell="A3" activePane="bottomLeft" state="frozen"/>
      <selection pane="bottomLeft" activeCell="D1027" sqref="D1027"/>
    </sheetView>
  </sheetViews>
  <sheetFormatPr defaultColWidth="9" defaultRowHeight="23.1" customHeight="1" x14ac:dyDescent="0.2"/>
  <cols>
    <col min="1" max="1" width="6.3984375" style="22" customWidth="1"/>
    <col min="2" max="2" width="17.09765625" style="17" customWidth="1"/>
    <col min="3" max="3" width="58.5" style="14" customWidth="1"/>
    <col min="4" max="4" width="62.59765625" style="14" customWidth="1"/>
    <col min="5" max="5" width="13.5" style="14" customWidth="1"/>
    <col min="6" max="16384" width="9" style="21"/>
  </cols>
  <sheetData>
    <row r="1" spans="1:5" ht="22.5" customHeight="1" x14ac:dyDescent="0.2">
      <c r="A1" s="28" t="s">
        <v>3039</v>
      </c>
      <c r="B1" s="28"/>
      <c r="C1" s="28"/>
      <c r="D1" s="28"/>
      <c r="E1" s="28"/>
    </row>
    <row r="2" spans="1:5" ht="23.1" customHeight="1" x14ac:dyDescent="0.2">
      <c r="A2" s="18" t="s">
        <v>1684</v>
      </c>
      <c r="B2" s="7" t="s">
        <v>848</v>
      </c>
      <c r="C2" s="7" t="s">
        <v>0</v>
      </c>
      <c r="D2" s="7" t="s">
        <v>1</v>
      </c>
      <c r="E2" s="8" t="s">
        <v>2</v>
      </c>
    </row>
    <row r="3" spans="1:5" ht="23.1" customHeight="1" x14ac:dyDescent="0.2">
      <c r="A3" s="27">
        <v>1</v>
      </c>
      <c r="B3" s="6" t="s">
        <v>899</v>
      </c>
      <c r="C3" s="9" t="s">
        <v>4</v>
      </c>
      <c r="D3" s="9" t="s">
        <v>5</v>
      </c>
      <c r="E3" s="4" t="s">
        <v>849</v>
      </c>
    </row>
    <row r="4" spans="1:5" ht="23.1" customHeight="1" x14ac:dyDescent="0.2">
      <c r="A4" s="27">
        <v>2</v>
      </c>
      <c r="B4" s="6" t="s">
        <v>1502</v>
      </c>
      <c r="C4" s="5" t="s">
        <v>1469</v>
      </c>
      <c r="D4" s="5" t="s">
        <v>1594</v>
      </c>
      <c r="E4" s="4" t="s">
        <v>3</v>
      </c>
    </row>
    <row r="5" spans="1:5" ht="23.1" customHeight="1" x14ac:dyDescent="0.2">
      <c r="A5" s="27">
        <v>3</v>
      </c>
      <c r="B5" s="6" t="s">
        <v>2789</v>
      </c>
      <c r="C5" s="5" t="s">
        <v>2787</v>
      </c>
      <c r="D5" s="5" t="s">
        <v>2788</v>
      </c>
      <c r="E5" s="4" t="s">
        <v>3</v>
      </c>
    </row>
    <row r="6" spans="1:5" ht="23.1" customHeight="1" x14ac:dyDescent="0.2">
      <c r="A6" s="27">
        <v>4</v>
      </c>
      <c r="B6" s="6" t="s">
        <v>1810</v>
      </c>
      <c r="C6" s="5" t="s">
        <v>1808</v>
      </c>
      <c r="D6" s="5" t="s">
        <v>1809</v>
      </c>
      <c r="E6" s="4" t="s">
        <v>849</v>
      </c>
    </row>
    <row r="7" spans="1:5" ht="23.1" customHeight="1" x14ac:dyDescent="0.2">
      <c r="A7" s="27">
        <v>5</v>
      </c>
      <c r="B7" s="6" t="s">
        <v>850</v>
      </c>
      <c r="C7" s="5" t="s">
        <v>16</v>
      </c>
      <c r="D7" s="5" t="s">
        <v>17</v>
      </c>
      <c r="E7" s="4" t="s">
        <v>849</v>
      </c>
    </row>
    <row r="8" spans="1:5" ht="23.1" customHeight="1" x14ac:dyDescent="0.2">
      <c r="A8" s="27">
        <v>6</v>
      </c>
      <c r="B8" s="6" t="s">
        <v>1882</v>
      </c>
      <c r="C8" s="5" t="s">
        <v>1880</v>
      </c>
      <c r="D8" s="5" t="s">
        <v>1881</v>
      </c>
      <c r="E8" s="4" t="s">
        <v>3</v>
      </c>
    </row>
    <row r="9" spans="1:5" ht="23.1" customHeight="1" x14ac:dyDescent="0.2">
      <c r="A9" s="27">
        <v>7</v>
      </c>
      <c r="B9" s="6" t="s">
        <v>2577</v>
      </c>
      <c r="C9" s="5" t="s">
        <v>2578</v>
      </c>
      <c r="D9" s="5" t="s">
        <v>2579</v>
      </c>
      <c r="E9" s="4" t="s">
        <v>3</v>
      </c>
    </row>
    <row r="10" spans="1:5" ht="23.1" customHeight="1" x14ac:dyDescent="0.2">
      <c r="A10" s="27">
        <v>8</v>
      </c>
      <c r="B10" s="6" t="s">
        <v>1487</v>
      </c>
      <c r="C10" s="5" t="s">
        <v>1488</v>
      </c>
      <c r="D10" s="5" t="s">
        <v>1489</v>
      </c>
      <c r="E10" s="4" t="s">
        <v>3</v>
      </c>
    </row>
    <row r="11" spans="1:5" ht="23.1" customHeight="1" x14ac:dyDescent="0.2">
      <c r="A11" s="27">
        <v>9</v>
      </c>
      <c r="B11" s="4" t="s">
        <v>1728</v>
      </c>
      <c r="C11" s="4" t="s">
        <v>1947</v>
      </c>
      <c r="D11" s="4" t="s">
        <v>1733</v>
      </c>
      <c r="E11" s="4" t="s">
        <v>3</v>
      </c>
    </row>
    <row r="12" spans="1:5" ht="23.1" customHeight="1" x14ac:dyDescent="0.2">
      <c r="A12" s="27">
        <v>10</v>
      </c>
      <c r="B12" s="6" t="s">
        <v>1490</v>
      </c>
      <c r="C12" s="5" t="s">
        <v>1464</v>
      </c>
      <c r="D12" s="5" t="s">
        <v>1491</v>
      </c>
      <c r="E12" s="4" t="s">
        <v>849</v>
      </c>
    </row>
    <row r="13" spans="1:5" ht="23.1" customHeight="1" x14ac:dyDescent="0.2">
      <c r="A13" s="27">
        <v>11</v>
      </c>
      <c r="B13" s="6" t="s">
        <v>851</v>
      </c>
      <c r="C13" s="5" t="s">
        <v>18</v>
      </c>
      <c r="D13" s="5" t="s">
        <v>19</v>
      </c>
      <c r="E13" s="4" t="s">
        <v>849</v>
      </c>
    </row>
    <row r="14" spans="1:5" ht="23.1" customHeight="1" x14ac:dyDescent="0.2">
      <c r="A14" s="27">
        <v>12</v>
      </c>
      <c r="B14" s="6" t="s">
        <v>852</v>
      </c>
      <c r="C14" s="5" t="s">
        <v>20</v>
      </c>
      <c r="D14" s="5" t="s">
        <v>21</v>
      </c>
      <c r="E14" s="4" t="s">
        <v>849</v>
      </c>
    </row>
    <row r="15" spans="1:5" ht="23.1" customHeight="1" x14ac:dyDescent="0.2">
      <c r="A15" s="27">
        <v>13</v>
      </c>
      <c r="B15" s="6" t="s">
        <v>1492</v>
      </c>
      <c r="C15" s="5" t="s">
        <v>2535</v>
      </c>
      <c r="D15" s="5" t="s">
        <v>1493</v>
      </c>
      <c r="E15" s="4" t="s">
        <v>3</v>
      </c>
    </row>
    <row r="16" spans="1:5" ht="23.1" customHeight="1" x14ac:dyDescent="0.2">
      <c r="A16" s="27">
        <v>14</v>
      </c>
      <c r="B16" s="6" t="s">
        <v>853</v>
      </c>
      <c r="C16" s="5" t="s">
        <v>2537</v>
      </c>
      <c r="D16" s="5" t="s">
        <v>854</v>
      </c>
      <c r="E16" s="4" t="s">
        <v>3</v>
      </c>
    </row>
    <row r="17" spans="1:5" ht="23.1" customHeight="1" x14ac:dyDescent="0.2">
      <c r="A17" s="27">
        <v>15</v>
      </c>
      <c r="B17" s="6" t="s">
        <v>2927</v>
      </c>
      <c r="C17" s="5" t="s">
        <v>2926</v>
      </c>
      <c r="D17" s="5" t="s">
        <v>2924</v>
      </c>
      <c r="E17" s="4" t="s">
        <v>3</v>
      </c>
    </row>
    <row r="18" spans="1:5" ht="23.1" customHeight="1" x14ac:dyDescent="0.2">
      <c r="A18" s="27">
        <v>16</v>
      </c>
      <c r="B18" s="6" t="s">
        <v>855</v>
      </c>
      <c r="C18" s="5" t="s">
        <v>22</v>
      </c>
      <c r="D18" s="5" t="s">
        <v>837</v>
      </c>
      <c r="E18" s="4" t="s">
        <v>849</v>
      </c>
    </row>
    <row r="19" spans="1:5" ht="23.1" customHeight="1" x14ac:dyDescent="0.2">
      <c r="A19" s="27">
        <v>17</v>
      </c>
      <c r="B19" s="6" t="s">
        <v>1494</v>
      </c>
      <c r="C19" s="5" t="s">
        <v>2536</v>
      </c>
      <c r="D19" s="5" t="s">
        <v>1495</v>
      </c>
      <c r="E19" s="4" t="s">
        <v>3</v>
      </c>
    </row>
    <row r="20" spans="1:5" ht="23.1" customHeight="1" x14ac:dyDescent="0.2">
      <c r="A20" s="27">
        <v>18</v>
      </c>
      <c r="B20" s="6" t="s">
        <v>2642</v>
      </c>
      <c r="C20" s="5" t="s">
        <v>2640</v>
      </c>
      <c r="D20" s="5" t="s">
        <v>2641</v>
      </c>
      <c r="E20" s="4" t="s">
        <v>3</v>
      </c>
    </row>
    <row r="21" spans="1:5" ht="23.1" customHeight="1" x14ac:dyDescent="0.2">
      <c r="A21" s="27">
        <v>19</v>
      </c>
      <c r="B21" s="6" t="s">
        <v>856</v>
      </c>
      <c r="C21" s="5" t="s">
        <v>24</v>
      </c>
      <c r="D21" s="5" t="s">
        <v>23</v>
      </c>
      <c r="E21" s="4" t="s">
        <v>849</v>
      </c>
    </row>
    <row r="22" spans="1:5" ht="23.1" customHeight="1" x14ac:dyDescent="0.2">
      <c r="A22" s="27">
        <v>20</v>
      </c>
      <c r="B22" s="6" t="s">
        <v>857</v>
      </c>
      <c r="C22" s="5" t="s">
        <v>2037</v>
      </c>
      <c r="D22" s="5" t="s">
        <v>25</v>
      </c>
      <c r="E22" s="4" t="s">
        <v>849</v>
      </c>
    </row>
    <row r="23" spans="1:5" ht="23.1" customHeight="1" x14ac:dyDescent="0.2">
      <c r="A23" s="27">
        <v>21</v>
      </c>
      <c r="B23" s="6" t="s">
        <v>858</v>
      </c>
      <c r="C23" s="5" t="s">
        <v>26</v>
      </c>
      <c r="D23" s="5" t="s">
        <v>27</v>
      </c>
      <c r="E23" s="4" t="s">
        <v>849</v>
      </c>
    </row>
    <row r="24" spans="1:5" ht="23.1" customHeight="1" x14ac:dyDescent="0.2">
      <c r="A24" s="27">
        <v>22</v>
      </c>
      <c r="B24" s="6" t="s">
        <v>859</v>
      </c>
      <c r="C24" s="9" t="s">
        <v>28</v>
      </c>
      <c r="D24" s="9" t="s">
        <v>29</v>
      </c>
      <c r="E24" s="4" t="s">
        <v>849</v>
      </c>
    </row>
    <row r="25" spans="1:5" ht="23.1" customHeight="1" x14ac:dyDescent="0.2">
      <c r="A25" s="27">
        <v>23</v>
      </c>
      <c r="B25" s="6" t="s">
        <v>860</v>
      </c>
      <c r="C25" s="5" t="s">
        <v>1652</v>
      </c>
      <c r="D25" s="5" t="s">
        <v>30</v>
      </c>
      <c r="E25" s="4" t="s">
        <v>849</v>
      </c>
    </row>
    <row r="26" spans="1:5" ht="23.1" customHeight="1" x14ac:dyDescent="0.2">
      <c r="A26" s="27">
        <v>24</v>
      </c>
      <c r="B26" s="6" t="s">
        <v>2929</v>
      </c>
      <c r="C26" s="5" t="s">
        <v>2925</v>
      </c>
      <c r="D26" s="5" t="s">
        <v>2928</v>
      </c>
      <c r="E26" s="4" t="s">
        <v>3</v>
      </c>
    </row>
    <row r="27" spans="1:5" ht="23.1" customHeight="1" x14ac:dyDescent="0.2">
      <c r="A27" s="27">
        <v>25</v>
      </c>
      <c r="B27" s="6" t="s">
        <v>861</v>
      </c>
      <c r="C27" s="5" t="s">
        <v>31</v>
      </c>
      <c r="D27" s="5" t="s">
        <v>32</v>
      </c>
      <c r="E27" s="4" t="s">
        <v>3</v>
      </c>
    </row>
    <row r="28" spans="1:5" ht="23.1" customHeight="1" x14ac:dyDescent="0.2">
      <c r="A28" s="27">
        <v>26</v>
      </c>
      <c r="B28" s="6" t="s">
        <v>2770</v>
      </c>
      <c r="C28" s="5" t="s">
        <v>2768</v>
      </c>
      <c r="D28" s="5" t="s">
        <v>2769</v>
      </c>
      <c r="E28" s="4" t="s">
        <v>3</v>
      </c>
    </row>
    <row r="29" spans="1:5" ht="23.1" customHeight="1" x14ac:dyDescent="0.2">
      <c r="A29" s="27">
        <v>27</v>
      </c>
      <c r="B29" s="6" t="s">
        <v>2431</v>
      </c>
      <c r="C29" s="5" t="s">
        <v>33</v>
      </c>
      <c r="D29" s="5" t="s">
        <v>2429</v>
      </c>
      <c r="E29" s="4" t="s">
        <v>849</v>
      </c>
    </row>
    <row r="30" spans="1:5" ht="23.1" customHeight="1" x14ac:dyDescent="0.2">
      <c r="A30" s="27">
        <v>28</v>
      </c>
      <c r="B30" s="6" t="s">
        <v>2432</v>
      </c>
      <c r="C30" s="5" t="s">
        <v>2428</v>
      </c>
      <c r="D30" s="5" t="s">
        <v>2430</v>
      </c>
      <c r="E30" s="4" t="s">
        <v>3</v>
      </c>
    </row>
    <row r="31" spans="1:5" ht="23.1" customHeight="1" x14ac:dyDescent="0.2">
      <c r="A31" s="27">
        <v>29</v>
      </c>
      <c r="B31" s="6" t="s">
        <v>862</v>
      </c>
      <c r="C31" s="5" t="s">
        <v>34</v>
      </c>
      <c r="D31" s="5" t="s">
        <v>35</v>
      </c>
      <c r="E31" s="4" t="s">
        <v>849</v>
      </c>
    </row>
    <row r="32" spans="1:5" ht="23.1" customHeight="1" x14ac:dyDescent="0.2">
      <c r="A32" s="27">
        <v>30</v>
      </c>
      <c r="B32" s="6" t="s">
        <v>870</v>
      </c>
      <c r="C32" s="5" t="s">
        <v>6</v>
      </c>
      <c r="D32" s="5" t="s">
        <v>7</v>
      </c>
      <c r="E32" s="4" t="s">
        <v>3</v>
      </c>
    </row>
    <row r="33" spans="1:5" ht="23.1" customHeight="1" x14ac:dyDescent="0.2">
      <c r="A33" s="27">
        <v>31</v>
      </c>
      <c r="B33" s="6" t="s">
        <v>1830</v>
      </c>
      <c r="C33" s="5" t="s">
        <v>1828</v>
      </c>
      <c r="D33" s="5" t="s">
        <v>1829</v>
      </c>
      <c r="E33" s="4" t="s">
        <v>849</v>
      </c>
    </row>
    <row r="34" spans="1:5" ht="23.1" customHeight="1" x14ac:dyDescent="0.2">
      <c r="A34" s="27">
        <v>32</v>
      </c>
      <c r="B34" s="6" t="s">
        <v>1498</v>
      </c>
      <c r="C34" s="5" t="s">
        <v>1499</v>
      </c>
      <c r="D34" s="5" t="s">
        <v>1482</v>
      </c>
      <c r="E34" s="4" t="s">
        <v>3</v>
      </c>
    </row>
    <row r="35" spans="1:5" ht="23.1" customHeight="1" x14ac:dyDescent="0.2">
      <c r="A35" s="27">
        <v>33</v>
      </c>
      <c r="B35" s="6" t="s">
        <v>1801</v>
      </c>
      <c r="C35" s="5" t="s">
        <v>1799</v>
      </c>
      <c r="D35" s="5" t="s">
        <v>1800</v>
      </c>
      <c r="E35" s="4" t="s">
        <v>3</v>
      </c>
    </row>
    <row r="36" spans="1:5" ht="23.1" customHeight="1" x14ac:dyDescent="0.2">
      <c r="A36" s="27">
        <v>34</v>
      </c>
      <c r="B36" s="6" t="s">
        <v>1792</v>
      </c>
      <c r="C36" s="5" t="s">
        <v>1790</v>
      </c>
      <c r="D36" s="5" t="s">
        <v>1791</v>
      </c>
      <c r="E36" s="4" t="s">
        <v>3</v>
      </c>
    </row>
    <row r="37" spans="1:5" ht="23.1" customHeight="1" x14ac:dyDescent="0.2">
      <c r="A37" s="27">
        <v>35</v>
      </c>
      <c r="B37" s="6" t="s">
        <v>1789</v>
      </c>
      <c r="C37" s="5" t="s">
        <v>1787</v>
      </c>
      <c r="D37" s="5" t="s">
        <v>1788</v>
      </c>
      <c r="E37" s="4" t="s">
        <v>3</v>
      </c>
    </row>
    <row r="38" spans="1:5" ht="23.1" customHeight="1" x14ac:dyDescent="0.2">
      <c r="A38" s="27">
        <v>36</v>
      </c>
      <c r="B38" s="6" t="s">
        <v>2808</v>
      </c>
      <c r="C38" s="5" t="s">
        <v>2806</v>
      </c>
      <c r="D38" s="5" t="s">
        <v>2807</v>
      </c>
      <c r="E38" s="4" t="s">
        <v>3</v>
      </c>
    </row>
    <row r="39" spans="1:5" ht="23.1" customHeight="1" x14ac:dyDescent="0.2">
      <c r="A39" s="27">
        <v>37</v>
      </c>
      <c r="B39" s="4" t="s">
        <v>1665</v>
      </c>
      <c r="C39" s="4" t="s">
        <v>1672</v>
      </c>
      <c r="D39" s="4" t="s">
        <v>1673</v>
      </c>
      <c r="E39" s="4" t="s">
        <v>3</v>
      </c>
    </row>
    <row r="40" spans="1:5" ht="23.1" customHeight="1" x14ac:dyDescent="0.2">
      <c r="A40" s="27">
        <v>38</v>
      </c>
      <c r="B40" s="6" t="s">
        <v>1686</v>
      </c>
      <c r="C40" s="4" t="s">
        <v>1691</v>
      </c>
      <c r="D40" s="4" t="s">
        <v>1673</v>
      </c>
      <c r="E40" s="4" t="s">
        <v>3</v>
      </c>
    </row>
    <row r="41" spans="1:5" ht="23.1" customHeight="1" x14ac:dyDescent="0.2">
      <c r="A41" s="27">
        <v>39</v>
      </c>
      <c r="B41" s="4" t="s">
        <v>1699</v>
      </c>
      <c r="C41" s="4" t="s">
        <v>1702</v>
      </c>
      <c r="D41" s="4" t="s">
        <v>1673</v>
      </c>
      <c r="E41" s="4" t="s">
        <v>3</v>
      </c>
    </row>
    <row r="42" spans="1:5" ht="23.1" customHeight="1" x14ac:dyDescent="0.2">
      <c r="A42" s="27">
        <v>40</v>
      </c>
      <c r="B42" s="6" t="s">
        <v>864</v>
      </c>
      <c r="C42" s="5" t="s">
        <v>8</v>
      </c>
      <c r="D42" s="5" t="s">
        <v>9</v>
      </c>
      <c r="E42" s="4" t="s">
        <v>3</v>
      </c>
    </row>
    <row r="43" spans="1:5" ht="23.1" customHeight="1" x14ac:dyDescent="0.2">
      <c r="A43" s="27">
        <v>41</v>
      </c>
      <c r="B43" s="6" t="s">
        <v>865</v>
      </c>
      <c r="C43" s="5" t="s">
        <v>10</v>
      </c>
      <c r="D43" s="5" t="s">
        <v>11</v>
      </c>
      <c r="E43" s="4" t="s">
        <v>849</v>
      </c>
    </row>
    <row r="44" spans="1:5" ht="23.1" customHeight="1" x14ac:dyDescent="0.2">
      <c r="A44" s="27">
        <v>42</v>
      </c>
      <c r="B44" s="6" t="s">
        <v>2725</v>
      </c>
      <c r="C44" s="5" t="s">
        <v>2724</v>
      </c>
      <c r="D44" s="5" t="s">
        <v>2723</v>
      </c>
      <c r="E44" s="4" t="s">
        <v>3</v>
      </c>
    </row>
    <row r="45" spans="1:5" ht="23.1" customHeight="1" x14ac:dyDescent="0.2">
      <c r="A45" s="27">
        <v>43</v>
      </c>
      <c r="B45" s="6" t="s">
        <v>866</v>
      </c>
      <c r="C45" s="5" t="s">
        <v>12</v>
      </c>
      <c r="D45" s="5" t="s">
        <v>13</v>
      </c>
      <c r="E45" s="4" t="s">
        <v>3</v>
      </c>
    </row>
    <row r="46" spans="1:5" ht="23.1" customHeight="1" x14ac:dyDescent="0.2">
      <c r="A46" s="27">
        <v>44</v>
      </c>
      <c r="B46" s="6" t="s">
        <v>2511</v>
      </c>
      <c r="C46" s="5" t="s">
        <v>2510</v>
      </c>
      <c r="D46" s="5" t="s">
        <v>2509</v>
      </c>
      <c r="E46" s="4" t="s">
        <v>3</v>
      </c>
    </row>
    <row r="47" spans="1:5" ht="23.1" customHeight="1" x14ac:dyDescent="0.2">
      <c r="A47" s="27">
        <v>45</v>
      </c>
      <c r="B47" s="6" t="s">
        <v>867</v>
      </c>
      <c r="C47" s="5" t="s">
        <v>868</v>
      </c>
      <c r="D47" s="5" t="s">
        <v>869</v>
      </c>
      <c r="E47" s="4" t="s">
        <v>3</v>
      </c>
    </row>
    <row r="48" spans="1:5" ht="23.1" customHeight="1" x14ac:dyDescent="0.2">
      <c r="A48" s="27">
        <v>46</v>
      </c>
      <c r="B48" s="6" t="s">
        <v>1685</v>
      </c>
      <c r="C48" s="4" t="s">
        <v>1689</v>
      </c>
      <c r="D48" s="4" t="s">
        <v>1690</v>
      </c>
      <c r="E48" s="4" t="s">
        <v>3</v>
      </c>
    </row>
    <row r="49" spans="1:5" ht="23.1" customHeight="1" x14ac:dyDescent="0.2">
      <c r="A49" s="27">
        <v>47</v>
      </c>
      <c r="B49" s="6" t="s">
        <v>871</v>
      </c>
      <c r="C49" s="9" t="s">
        <v>14</v>
      </c>
      <c r="D49" s="9" t="s">
        <v>15</v>
      </c>
      <c r="E49" s="4" t="s">
        <v>849</v>
      </c>
    </row>
    <row r="50" spans="1:5" ht="23.1" customHeight="1" x14ac:dyDescent="0.2">
      <c r="A50" s="27">
        <v>48</v>
      </c>
      <c r="B50" s="6" t="s">
        <v>872</v>
      </c>
      <c r="C50" s="5" t="s">
        <v>873</v>
      </c>
      <c r="D50" s="5" t="s">
        <v>874</v>
      </c>
      <c r="E50" s="4" t="s">
        <v>3</v>
      </c>
    </row>
    <row r="51" spans="1:5" ht="23.1" customHeight="1" x14ac:dyDescent="0.2">
      <c r="A51" s="27">
        <v>49</v>
      </c>
      <c r="B51" s="6" t="s">
        <v>863</v>
      </c>
      <c r="C51" s="5" t="s">
        <v>36</v>
      </c>
      <c r="D51" s="5" t="s">
        <v>37</v>
      </c>
      <c r="E51" s="4" t="s">
        <v>849</v>
      </c>
    </row>
    <row r="52" spans="1:5" ht="23.1" customHeight="1" x14ac:dyDescent="0.2">
      <c r="A52" s="27">
        <v>50</v>
      </c>
      <c r="B52" s="6" t="s">
        <v>880</v>
      </c>
      <c r="C52" s="5" t="s">
        <v>881</v>
      </c>
      <c r="D52" s="5" t="s">
        <v>882</v>
      </c>
      <c r="E52" s="4" t="s">
        <v>3</v>
      </c>
    </row>
    <row r="53" spans="1:5" ht="23.1" customHeight="1" x14ac:dyDescent="0.2">
      <c r="A53" s="27">
        <v>51</v>
      </c>
      <c r="B53" s="6" t="s">
        <v>1496</v>
      </c>
      <c r="C53" s="5" t="s">
        <v>1497</v>
      </c>
      <c r="D53" s="5" t="s">
        <v>1565</v>
      </c>
      <c r="E53" s="4" t="s">
        <v>3</v>
      </c>
    </row>
    <row r="54" spans="1:5" ht="23.1" customHeight="1" x14ac:dyDescent="0.2">
      <c r="A54" s="27">
        <v>52</v>
      </c>
      <c r="B54" s="6" t="s">
        <v>883</v>
      </c>
      <c r="C54" s="5" t="s">
        <v>38</v>
      </c>
      <c r="D54" s="5" t="s">
        <v>39</v>
      </c>
      <c r="E54" s="4" t="s">
        <v>849</v>
      </c>
    </row>
    <row r="55" spans="1:5" ht="23.1" customHeight="1" x14ac:dyDescent="0.2">
      <c r="A55" s="27">
        <v>53</v>
      </c>
      <c r="B55" s="6" t="s">
        <v>896</v>
      </c>
      <c r="C55" s="5" t="s">
        <v>40</v>
      </c>
      <c r="D55" s="5" t="s">
        <v>41</v>
      </c>
      <c r="E55" s="4" t="s">
        <v>849</v>
      </c>
    </row>
    <row r="56" spans="1:5" ht="23.1" customHeight="1" x14ac:dyDescent="0.2">
      <c r="A56" s="27">
        <v>54</v>
      </c>
      <c r="B56" s="6" t="s">
        <v>2379</v>
      </c>
      <c r="C56" s="5" t="s">
        <v>42</v>
      </c>
      <c r="D56" s="5" t="s">
        <v>2376</v>
      </c>
      <c r="E56" s="4" t="s">
        <v>849</v>
      </c>
    </row>
    <row r="57" spans="1:5" ht="23.1" customHeight="1" x14ac:dyDescent="0.2">
      <c r="A57" s="27">
        <v>55</v>
      </c>
      <c r="B57" s="6" t="s">
        <v>2380</v>
      </c>
      <c r="C57" s="5" t="s">
        <v>2378</v>
      </c>
      <c r="D57" s="5" t="s">
        <v>2377</v>
      </c>
      <c r="E57" s="4" t="s">
        <v>3</v>
      </c>
    </row>
    <row r="58" spans="1:5" ht="23.1" customHeight="1" x14ac:dyDescent="0.2">
      <c r="A58" s="27">
        <v>56</v>
      </c>
      <c r="B58" s="26" t="s">
        <v>3038</v>
      </c>
      <c r="C58" s="1" t="s">
        <v>3037</v>
      </c>
      <c r="D58" s="1" t="s">
        <v>3036</v>
      </c>
      <c r="E58" s="2" t="s">
        <v>3</v>
      </c>
    </row>
    <row r="59" spans="1:5" ht="23.1" customHeight="1" x14ac:dyDescent="0.2">
      <c r="A59" s="27">
        <v>57</v>
      </c>
      <c r="B59" s="6" t="s">
        <v>897</v>
      </c>
      <c r="C59" s="5" t="s">
        <v>43</v>
      </c>
      <c r="D59" s="5" t="s">
        <v>44</v>
      </c>
      <c r="E59" s="4" t="s">
        <v>3</v>
      </c>
    </row>
    <row r="60" spans="1:5" ht="23.1" customHeight="1" x14ac:dyDescent="0.2">
      <c r="A60" s="27">
        <v>58</v>
      </c>
      <c r="B60" s="6" t="s">
        <v>875</v>
      </c>
      <c r="C60" s="5" t="s">
        <v>2031</v>
      </c>
      <c r="D60" s="5" t="s">
        <v>876</v>
      </c>
      <c r="E60" s="4" t="s">
        <v>849</v>
      </c>
    </row>
    <row r="61" spans="1:5" ht="23.1" customHeight="1" x14ac:dyDescent="0.2">
      <c r="A61" s="27">
        <v>59</v>
      </c>
      <c r="B61" s="4" t="s">
        <v>1610</v>
      </c>
      <c r="C61" s="5" t="s">
        <v>45</v>
      </c>
      <c r="D61" s="5" t="s">
        <v>1618</v>
      </c>
      <c r="E61" s="4" t="s">
        <v>1644</v>
      </c>
    </row>
    <row r="62" spans="1:5" ht="23.1" customHeight="1" x14ac:dyDescent="0.2">
      <c r="A62" s="27">
        <v>60</v>
      </c>
      <c r="B62" s="6" t="s">
        <v>877</v>
      </c>
      <c r="C62" s="5" t="s">
        <v>878</v>
      </c>
      <c r="D62" s="5" t="s">
        <v>879</v>
      </c>
      <c r="E62" s="4" t="s">
        <v>849</v>
      </c>
    </row>
    <row r="63" spans="1:5" ht="23.1" customHeight="1" x14ac:dyDescent="0.2">
      <c r="A63" s="27">
        <v>61</v>
      </c>
      <c r="B63" s="6" t="s">
        <v>2046</v>
      </c>
      <c r="C63" s="5" t="s">
        <v>2044</v>
      </c>
      <c r="D63" s="5" t="s">
        <v>2045</v>
      </c>
      <c r="E63" s="4" t="s">
        <v>3</v>
      </c>
    </row>
    <row r="64" spans="1:5" ht="23.1" customHeight="1" x14ac:dyDescent="0.2">
      <c r="A64" s="27">
        <v>62</v>
      </c>
      <c r="B64" s="4" t="s">
        <v>1611</v>
      </c>
      <c r="C64" s="5" t="s">
        <v>1653</v>
      </c>
      <c r="D64" s="5" t="s">
        <v>2455</v>
      </c>
      <c r="E64" s="4" t="s">
        <v>1630</v>
      </c>
    </row>
    <row r="65" spans="1:5" ht="23.1" customHeight="1" x14ac:dyDescent="0.2">
      <c r="A65" s="27">
        <v>63</v>
      </c>
      <c r="B65" s="4" t="s">
        <v>2457</v>
      </c>
      <c r="C65" s="5" t="s">
        <v>2454</v>
      </c>
      <c r="D65" s="5" t="s">
        <v>2456</v>
      </c>
      <c r="E65" s="4" t="s">
        <v>3</v>
      </c>
    </row>
    <row r="66" spans="1:5" ht="23.1" customHeight="1" x14ac:dyDescent="0.2">
      <c r="A66" s="27">
        <v>64</v>
      </c>
      <c r="B66" s="4" t="s">
        <v>1666</v>
      </c>
      <c r="C66" s="4" t="s">
        <v>1674</v>
      </c>
      <c r="D66" s="4" t="s">
        <v>2403</v>
      </c>
      <c r="E66" s="4" t="s">
        <v>3</v>
      </c>
    </row>
    <row r="67" spans="1:5" ht="23.1" customHeight="1" x14ac:dyDescent="0.2">
      <c r="A67" s="27">
        <v>65</v>
      </c>
      <c r="B67" s="2" t="s">
        <v>3014</v>
      </c>
      <c r="C67" s="2" t="s">
        <v>3013</v>
      </c>
      <c r="D67" s="2" t="s">
        <v>3012</v>
      </c>
      <c r="E67" s="2" t="s">
        <v>3</v>
      </c>
    </row>
    <row r="68" spans="1:5" ht="23.1" customHeight="1" x14ac:dyDescent="0.2">
      <c r="A68" s="27">
        <v>66</v>
      </c>
      <c r="B68" s="4" t="s">
        <v>2767</v>
      </c>
      <c r="C68" s="4" t="s">
        <v>2765</v>
      </c>
      <c r="D68" s="4" t="s">
        <v>2766</v>
      </c>
      <c r="E68" s="4" t="s">
        <v>3</v>
      </c>
    </row>
    <row r="69" spans="1:5" ht="23.1" customHeight="1" x14ac:dyDescent="0.2">
      <c r="A69" s="27">
        <v>67</v>
      </c>
      <c r="B69" s="4" t="s">
        <v>2731</v>
      </c>
      <c r="C69" s="4" t="s">
        <v>2729</v>
      </c>
      <c r="D69" s="4" t="s">
        <v>2730</v>
      </c>
      <c r="E69" s="4" t="s">
        <v>849</v>
      </c>
    </row>
    <row r="70" spans="1:5" ht="23.1" customHeight="1" x14ac:dyDescent="0.2">
      <c r="A70" s="27">
        <v>68</v>
      </c>
      <c r="B70" s="4" t="s">
        <v>2405</v>
      </c>
      <c r="C70" s="4" t="s">
        <v>2402</v>
      </c>
      <c r="D70" s="4" t="s">
        <v>2404</v>
      </c>
      <c r="E70" s="4" t="s">
        <v>3</v>
      </c>
    </row>
    <row r="71" spans="1:5" ht="23.1" customHeight="1" x14ac:dyDescent="0.2">
      <c r="A71" s="27">
        <v>69</v>
      </c>
      <c r="B71" s="4" t="s">
        <v>2840</v>
      </c>
      <c r="C71" s="4" t="s">
        <v>2838</v>
      </c>
      <c r="D71" s="4" t="s">
        <v>2839</v>
      </c>
      <c r="E71" s="4" t="s">
        <v>3</v>
      </c>
    </row>
    <row r="72" spans="1:5" ht="23.1" customHeight="1" x14ac:dyDescent="0.2">
      <c r="A72" s="27">
        <v>70</v>
      </c>
      <c r="B72" s="4" t="s">
        <v>2418</v>
      </c>
      <c r="C72" s="4" t="s">
        <v>2416</v>
      </c>
      <c r="D72" s="4" t="s">
        <v>2417</v>
      </c>
      <c r="E72" s="4" t="s">
        <v>3</v>
      </c>
    </row>
    <row r="73" spans="1:5" ht="23.1" customHeight="1" x14ac:dyDescent="0.2">
      <c r="A73" s="27">
        <v>71</v>
      </c>
      <c r="B73" s="4" t="s">
        <v>2334</v>
      </c>
      <c r="C73" s="4" t="s">
        <v>2333</v>
      </c>
      <c r="D73" s="4" t="s">
        <v>2332</v>
      </c>
      <c r="E73" s="4" t="s">
        <v>3</v>
      </c>
    </row>
    <row r="74" spans="1:5" ht="23.1" customHeight="1" x14ac:dyDescent="0.2">
      <c r="A74" s="27">
        <v>72</v>
      </c>
      <c r="B74" s="6" t="s">
        <v>886</v>
      </c>
      <c r="C74" s="5" t="s">
        <v>46</v>
      </c>
      <c r="D74" s="5" t="s">
        <v>47</v>
      </c>
      <c r="E74" s="4" t="s">
        <v>3</v>
      </c>
    </row>
    <row r="75" spans="1:5" ht="23.1" customHeight="1" x14ac:dyDescent="0.2">
      <c r="A75" s="27">
        <v>73</v>
      </c>
      <c r="B75" s="6" t="s">
        <v>2884</v>
      </c>
      <c r="C75" s="5" t="s">
        <v>2883</v>
      </c>
      <c r="D75" s="5" t="s">
        <v>2882</v>
      </c>
      <c r="E75" s="4" t="s">
        <v>3</v>
      </c>
    </row>
    <row r="76" spans="1:5" ht="23.1" customHeight="1" x14ac:dyDescent="0.2">
      <c r="A76" s="27">
        <v>74</v>
      </c>
      <c r="B76" s="6" t="s">
        <v>887</v>
      </c>
      <c r="C76" s="5" t="s">
        <v>888</v>
      </c>
      <c r="D76" s="5" t="s">
        <v>889</v>
      </c>
      <c r="E76" s="4" t="s">
        <v>3</v>
      </c>
    </row>
    <row r="77" spans="1:5" ht="23.1" customHeight="1" x14ac:dyDescent="0.2">
      <c r="A77" s="27">
        <v>75</v>
      </c>
      <c r="B77" s="6" t="s">
        <v>1500</v>
      </c>
      <c r="C77" s="5" t="s">
        <v>1477</v>
      </c>
      <c r="D77" s="5" t="s">
        <v>1501</v>
      </c>
      <c r="E77" s="4" t="s">
        <v>3</v>
      </c>
    </row>
    <row r="78" spans="1:5" ht="23.1" customHeight="1" x14ac:dyDescent="0.2">
      <c r="A78" s="27">
        <v>76</v>
      </c>
      <c r="B78" s="6" t="s">
        <v>2881</v>
      </c>
      <c r="C78" s="5" t="s">
        <v>2880</v>
      </c>
      <c r="D78" s="5" t="s">
        <v>2879</v>
      </c>
      <c r="E78" s="4" t="s">
        <v>3</v>
      </c>
    </row>
    <row r="79" spans="1:5" ht="23.1" customHeight="1" x14ac:dyDescent="0.2">
      <c r="A79" s="27">
        <v>77</v>
      </c>
      <c r="B79" s="6" t="s">
        <v>1977</v>
      </c>
      <c r="C79" s="5" t="s">
        <v>1975</v>
      </c>
      <c r="D79" s="5" t="s">
        <v>1976</v>
      </c>
      <c r="E79" s="4" t="s">
        <v>3</v>
      </c>
    </row>
    <row r="80" spans="1:5" ht="23.1" customHeight="1" x14ac:dyDescent="0.2">
      <c r="A80" s="27">
        <v>78</v>
      </c>
      <c r="B80" s="6" t="s">
        <v>890</v>
      </c>
      <c r="C80" s="5" t="s">
        <v>48</v>
      </c>
      <c r="D80" s="5" t="s">
        <v>49</v>
      </c>
      <c r="E80" s="4" t="s">
        <v>3</v>
      </c>
    </row>
    <row r="81" spans="1:5" ht="23.1" customHeight="1" x14ac:dyDescent="0.2">
      <c r="A81" s="27">
        <v>79</v>
      </c>
      <c r="B81" s="6" t="s">
        <v>891</v>
      </c>
      <c r="C81" s="5" t="s">
        <v>50</v>
      </c>
      <c r="D81" s="5" t="s">
        <v>51</v>
      </c>
      <c r="E81" s="4" t="s">
        <v>849</v>
      </c>
    </row>
    <row r="82" spans="1:5" ht="23.1" customHeight="1" x14ac:dyDescent="0.2">
      <c r="A82" s="27">
        <v>80</v>
      </c>
      <c r="B82" s="6" t="s">
        <v>892</v>
      </c>
      <c r="C82" s="5" t="s">
        <v>52</v>
      </c>
      <c r="D82" s="5" t="s">
        <v>53</v>
      </c>
      <c r="E82" s="4" t="s">
        <v>849</v>
      </c>
    </row>
    <row r="83" spans="1:5" ht="23.1" customHeight="1" x14ac:dyDescent="0.2">
      <c r="A83" s="27">
        <v>81</v>
      </c>
      <c r="B83" s="6" t="s">
        <v>893</v>
      </c>
      <c r="C83" s="5" t="s">
        <v>54</v>
      </c>
      <c r="D83" s="5" t="s">
        <v>55</v>
      </c>
      <c r="E83" s="4" t="s">
        <v>849</v>
      </c>
    </row>
    <row r="84" spans="1:5" ht="23.1" customHeight="1" x14ac:dyDescent="0.2">
      <c r="A84" s="27">
        <v>82</v>
      </c>
      <c r="B84" s="4" t="s">
        <v>1698</v>
      </c>
      <c r="C84" s="4" t="s">
        <v>1701</v>
      </c>
      <c r="D84" s="4" t="s">
        <v>1703</v>
      </c>
      <c r="E84" s="4" t="s">
        <v>849</v>
      </c>
    </row>
    <row r="85" spans="1:5" ht="23.1" customHeight="1" x14ac:dyDescent="0.2">
      <c r="A85" s="27">
        <v>83</v>
      </c>
      <c r="B85" s="6" t="s">
        <v>894</v>
      </c>
      <c r="C85" s="5" t="s">
        <v>56</v>
      </c>
      <c r="D85" s="5" t="s">
        <v>57</v>
      </c>
      <c r="E85" s="4" t="s">
        <v>849</v>
      </c>
    </row>
    <row r="86" spans="1:5" ht="23.1" customHeight="1" x14ac:dyDescent="0.2">
      <c r="A86" s="27">
        <v>84</v>
      </c>
      <c r="B86" s="6" t="s">
        <v>895</v>
      </c>
      <c r="C86" s="5" t="s">
        <v>58</v>
      </c>
      <c r="D86" s="5" t="s">
        <v>59</v>
      </c>
      <c r="E86" s="4" t="s">
        <v>849</v>
      </c>
    </row>
    <row r="87" spans="1:5" ht="23.1" customHeight="1" x14ac:dyDescent="0.2">
      <c r="A87" s="27">
        <v>85</v>
      </c>
      <c r="B87" s="6" t="s">
        <v>898</v>
      </c>
      <c r="C87" s="5" t="s">
        <v>60</v>
      </c>
      <c r="D87" s="5" t="s">
        <v>61</v>
      </c>
      <c r="E87" s="4" t="s">
        <v>849</v>
      </c>
    </row>
    <row r="88" spans="1:5" ht="23.1" customHeight="1" x14ac:dyDescent="0.2">
      <c r="A88" s="27">
        <v>86</v>
      </c>
      <c r="B88" s="6" t="s">
        <v>900</v>
      </c>
      <c r="C88" s="5" t="s">
        <v>901</v>
      </c>
      <c r="D88" s="5" t="s">
        <v>902</v>
      </c>
      <c r="E88" s="4" t="s">
        <v>3</v>
      </c>
    </row>
    <row r="89" spans="1:5" ht="23.1" customHeight="1" x14ac:dyDescent="0.2">
      <c r="A89" s="27">
        <v>87</v>
      </c>
      <c r="B89" s="26" t="s">
        <v>2984</v>
      </c>
      <c r="C89" s="1" t="s">
        <v>2983</v>
      </c>
      <c r="D89" s="1" t="s">
        <v>2982</v>
      </c>
      <c r="E89" s="2" t="s">
        <v>3</v>
      </c>
    </row>
    <row r="90" spans="1:5" ht="23.1" customHeight="1" x14ac:dyDescent="0.2">
      <c r="A90" s="27">
        <v>88</v>
      </c>
      <c r="B90" s="6" t="s">
        <v>1920</v>
      </c>
      <c r="C90" s="5" t="s">
        <v>1918</v>
      </c>
      <c r="D90" s="5" t="s">
        <v>1919</v>
      </c>
      <c r="E90" s="4" t="s">
        <v>3</v>
      </c>
    </row>
    <row r="91" spans="1:5" ht="23.1" customHeight="1" x14ac:dyDescent="0.2">
      <c r="A91" s="27">
        <v>89</v>
      </c>
      <c r="B91" s="6" t="s">
        <v>903</v>
      </c>
      <c r="C91" s="5" t="s">
        <v>904</v>
      </c>
      <c r="D91" s="5" t="s">
        <v>905</v>
      </c>
      <c r="E91" s="4" t="s">
        <v>3</v>
      </c>
    </row>
    <row r="92" spans="1:5" ht="23.1" customHeight="1" x14ac:dyDescent="0.2">
      <c r="A92" s="27">
        <v>90</v>
      </c>
      <c r="B92" s="6" t="s">
        <v>2749</v>
      </c>
      <c r="C92" s="5" t="s">
        <v>2747</v>
      </c>
      <c r="D92" s="5" t="s">
        <v>2748</v>
      </c>
      <c r="E92" s="4" t="s">
        <v>3</v>
      </c>
    </row>
    <row r="93" spans="1:5" ht="23.1" customHeight="1" x14ac:dyDescent="0.2">
      <c r="A93" s="27">
        <v>91</v>
      </c>
      <c r="B93" s="6" t="s">
        <v>906</v>
      </c>
      <c r="C93" s="5" t="s">
        <v>836</v>
      </c>
      <c r="D93" s="5" t="s">
        <v>835</v>
      </c>
      <c r="E93" s="4" t="s">
        <v>3</v>
      </c>
    </row>
    <row r="94" spans="1:5" ht="23.1" customHeight="1" x14ac:dyDescent="0.2">
      <c r="A94" s="27">
        <v>92</v>
      </c>
      <c r="B94" s="6" t="s">
        <v>2813</v>
      </c>
      <c r="C94" s="5" t="s">
        <v>2811</v>
      </c>
      <c r="D94" s="5" t="s">
        <v>2812</v>
      </c>
      <c r="E94" s="4" t="s">
        <v>849</v>
      </c>
    </row>
    <row r="95" spans="1:5" ht="23.1" customHeight="1" x14ac:dyDescent="0.2">
      <c r="A95" s="27">
        <v>93</v>
      </c>
      <c r="B95" s="6" t="s">
        <v>907</v>
      </c>
      <c r="C95" s="5" t="s">
        <v>62</v>
      </c>
      <c r="D95" s="5" t="s">
        <v>63</v>
      </c>
      <c r="E95" s="4" t="s">
        <v>849</v>
      </c>
    </row>
    <row r="96" spans="1:5" ht="23.1" customHeight="1" x14ac:dyDescent="0.2">
      <c r="A96" s="27">
        <v>94</v>
      </c>
      <c r="B96" s="26" t="s">
        <v>2834</v>
      </c>
      <c r="C96" s="1" t="s">
        <v>2832</v>
      </c>
      <c r="D96" s="1" t="s">
        <v>2833</v>
      </c>
      <c r="E96" s="2" t="s">
        <v>3</v>
      </c>
    </row>
    <row r="97" spans="1:5" ht="23.1" customHeight="1" x14ac:dyDescent="0.2">
      <c r="A97" s="27">
        <v>95</v>
      </c>
      <c r="B97" s="26" t="s">
        <v>3029</v>
      </c>
      <c r="C97" s="1" t="s">
        <v>3028</v>
      </c>
      <c r="D97" s="1" t="s">
        <v>3027</v>
      </c>
      <c r="E97" s="2" t="s">
        <v>3</v>
      </c>
    </row>
    <row r="98" spans="1:5" ht="23.1" customHeight="1" x14ac:dyDescent="0.2">
      <c r="A98" s="27">
        <v>96</v>
      </c>
      <c r="B98" s="6" t="s">
        <v>1914</v>
      </c>
      <c r="C98" s="5" t="s">
        <v>1912</v>
      </c>
      <c r="D98" s="10" t="s">
        <v>1913</v>
      </c>
      <c r="E98" s="4" t="s">
        <v>3</v>
      </c>
    </row>
    <row r="99" spans="1:5" ht="23.1" customHeight="1" x14ac:dyDescent="0.2">
      <c r="A99" s="27">
        <v>97</v>
      </c>
      <c r="B99" s="6" t="s">
        <v>2612</v>
      </c>
      <c r="C99" s="5" t="s">
        <v>2613</v>
      </c>
      <c r="D99" s="10" t="s">
        <v>2614</v>
      </c>
      <c r="E99" s="4" t="s">
        <v>3</v>
      </c>
    </row>
    <row r="100" spans="1:5" ht="23.1" customHeight="1" x14ac:dyDescent="0.2">
      <c r="A100" s="27">
        <v>98</v>
      </c>
      <c r="B100" s="6" t="s">
        <v>2453</v>
      </c>
      <c r="C100" s="5" t="s">
        <v>2451</v>
      </c>
      <c r="D100" s="10" t="s">
        <v>2452</v>
      </c>
      <c r="E100" s="4" t="s">
        <v>3</v>
      </c>
    </row>
    <row r="101" spans="1:5" ht="23.1" customHeight="1" x14ac:dyDescent="0.2">
      <c r="A101" s="27">
        <v>99</v>
      </c>
      <c r="B101" s="6" t="s">
        <v>885</v>
      </c>
      <c r="C101" s="5" t="s">
        <v>64</v>
      </c>
      <c r="D101" s="5" t="s">
        <v>65</v>
      </c>
      <c r="E101" s="4" t="s">
        <v>849</v>
      </c>
    </row>
    <row r="102" spans="1:5" ht="23.1" customHeight="1" x14ac:dyDescent="0.2">
      <c r="A102" s="27">
        <v>100</v>
      </c>
      <c r="B102" s="26" t="s">
        <v>2978</v>
      </c>
      <c r="C102" s="1" t="s">
        <v>2977</v>
      </c>
      <c r="D102" s="1" t="s">
        <v>2976</v>
      </c>
      <c r="E102" s="2" t="s">
        <v>3</v>
      </c>
    </row>
    <row r="103" spans="1:5" ht="23.1" customHeight="1" x14ac:dyDescent="0.2">
      <c r="A103" s="27">
        <v>101</v>
      </c>
      <c r="B103" s="26" t="s">
        <v>884</v>
      </c>
      <c r="C103" s="1" t="s">
        <v>66</v>
      </c>
      <c r="D103" s="1" t="s">
        <v>67</v>
      </c>
      <c r="E103" s="2" t="s">
        <v>3</v>
      </c>
    </row>
    <row r="104" spans="1:5" ht="23.1" customHeight="1" x14ac:dyDescent="0.2">
      <c r="A104" s="27">
        <v>102</v>
      </c>
      <c r="B104" s="26" t="s">
        <v>2164</v>
      </c>
      <c r="C104" s="1" t="s">
        <v>2162</v>
      </c>
      <c r="D104" s="1" t="s">
        <v>2163</v>
      </c>
      <c r="E104" s="2" t="s">
        <v>3</v>
      </c>
    </row>
    <row r="105" spans="1:5" ht="23.1" customHeight="1" x14ac:dyDescent="0.2">
      <c r="A105" s="27">
        <v>103</v>
      </c>
      <c r="B105" s="26" t="s">
        <v>2076</v>
      </c>
      <c r="C105" s="1" t="s">
        <v>2074</v>
      </c>
      <c r="D105" s="1" t="s">
        <v>2075</v>
      </c>
      <c r="E105" s="2" t="s">
        <v>849</v>
      </c>
    </row>
    <row r="106" spans="1:5" ht="23.1" customHeight="1" x14ac:dyDescent="0.2">
      <c r="A106" s="27">
        <v>104</v>
      </c>
      <c r="B106" s="26" t="s">
        <v>1994</v>
      </c>
      <c r="C106" s="1" t="s">
        <v>1992</v>
      </c>
      <c r="D106" s="1" t="s">
        <v>1993</v>
      </c>
      <c r="E106" s="2" t="s">
        <v>3</v>
      </c>
    </row>
    <row r="107" spans="1:5" ht="23.1" customHeight="1" x14ac:dyDescent="0.2">
      <c r="A107" s="27">
        <v>105</v>
      </c>
      <c r="B107" s="26" t="s">
        <v>2959</v>
      </c>
      <c r="C107" s="1" t="s">
        <v>2958</v>
      </c>
      <c r="D107" s="1" t="s">
        <v>2957</v>
      </c>
      <c r="E107" s="2" t="s">
        <v>3</v>
      </c>
    </row>
    <row r="108" spans="1:5" ht="23.1" customHeight="1" x14ac:dyDescent="0.2">
      <c r="A108" s="27">
        <v>106</v>
      </c>
      <c r="B108" s="6" t="s">
        <v>1850</v>
      </c>
      <c r="C108" s="5" t="s">
        <v>1848</v>
      </c>
      <c r="D108" s="5" t="s">
        <v>1849</v>
      </c>
      <c r="E108" s="4" t="s">
        <v>849</v>
      </c>
    </row>
    <row r="109" spans="1:5" ht="23.1" customHeight="1" x14ac:dyDescent="0.2">
      <c r="A109" s="27">
        <v>107</v>
      </c>
      <c r="B109" s="6" t="s">
        <v>1359</v>
      </c>
      <c r="C109" s="5" t="s">
        <v>389</v>
      </c>
      <c r="D109" s="5" t="s">
        <v>661</v>
      </c>
      <c r="E109" s="4" t="s">
        <v>849</v>
      </c>
    </row>
    <row r="110" spans="1:5" ht="23.1" customHeight="1" x14ac:dyDescent="0.2">
      <c r="A110" s="27">
        <v>108</v>
      </c>
      <c r="B110" s="6" t="s">
        <v>1360</v>
      </c>
      <c r="C110" s="5" t="s">
        <v>390</v>
      </c>
      <c r="D110" s="5" t="s">
        <v>662</v>
      </c>
      <c r="E110" s="4" t="s">
        <v>849</v>
      </c>
    </row>
    <row r="111" spans="1:5" ht="23.1" customHeight="1" x14ac:dyDescent="0.2">
      <c r="A111" s="27">
        <v>109</v>
      </c>
      <c r="B111" s="6" t="s">
        <v>2409</v>
      </c>
      <c r="C111" s="4" t="s">
        <v>1692</v>
      </c>
      <c r="D111" s="4" t="s">
        <v>1695</v>
      </c>
      <c r="E111" s="4" t="s">
        <v>3</v>
      </c>
    </row>
    <row r="112" spans="1:5" ht="23.1" customHeight="1" x14ac:dyDescent="0.2">
      <c r="A112" s="27">
        <v>110</v>
      </c>
      <c r="B112" s="6" t="s">
        <v>2410</v>
      </c>
      <c r="C112" s="4" t="s">
        <v>2407</v>
      </c>
      <c r="D112" s="4" t="s">
        <v>2406</v>
      </c>
      <c r="E112" s="4" t="s">
        <v>3</v>
      </c>
    </row>
    <row r="113" spans="1:5" ht="23.1" customHeight="1" x14ac:dyDescent="0.2">
      <c r="A113" s="27">
        <v>111</v>
      </c>
      <c r="B113" s="6" t="s">
        <v>2411</v>
      </c>
      <c r="C113" s="4" t="s">
        <v>2408</v>
      </c>
      <c r="D113" s="4" t="s">
        <v>2406</v>
      </c>
      <c r="E113" s="4" t="s">
        <v>3</v>
      </c>
    </row>
    <row r="114" spans="1:5" ht="23.1" customHeight="1" x14ac:dyDescent="0.2">
      <c r="A114" s="27">
        <v>112</v>
      </c>
      <c r="B114" s="6" t="s">
        <v>1361</v>
      </c>
      <c r="C114" s="5" t="s">
        <v>391</v>
      </c>
      <c r="D114" s="5" t="s">
        <v>663</v>
      </c>
      <c r="E114" s="4" t="s">
        <v>3</v>
      </c>
    </row>
    <row r="115" spans="1:5" ht="23.1" customHeight="1" x14ac:dyDescent="0.2">
      <c r="A115" s="27">
        <v>113</v>
      </c>
      <c r="B115" s="6" t="s">
        <v>1362</v>
      </c>
      <c r="C115" s="5" t="s">
        <v>838</v>
      </c>
      <c r="D115" s="5" t="s">
        <v>1363</v>
      </c>
      <c r="E115" s="4" t="s">
        <v>849</v>
      </c>
    </row>
    <row r="116" spans="1:5" ht="23.1" customHeight="1" x14ac:dyDescent="0.2">
      <c r="A116" s="27">
        <v>114</v>
      </c>
      <c r="B116" s="6" t="s">
        <v>1364</v>
      </c>
      <c r="C116" s="5" t="s">
        <v>392</v>
      </c>
      <c r="D116" s="5" t="s">
        <v>664</v>
      </c>
      <c r="E116" s="4" t="s">
        <v>849</v>
      </c>
    </row>
    <row r="117" spans="1:5" ht="23.1" customHeight="1" x14ac:dyDescent="0.2">
      <c r="A117" s="27">
        <v>115</v>
      </c>
      <c r="B117" s="6" t="s">
        <v>1365</v>
      </c>
      <c r="C117" s="5" t="s">
        <v>1366</v>
      </c>
      <c r="D117" s="5" t="s">
        <v>1367</v>
      </c>
      <c r="E117" s="4" t="s">
        <v>3</v>
      </c>
    </row>
    <row r="118" spans="1:5" ht="23.1" customHeight="1" x14ac:dyDescent="0.2">
      <c r="A118" s="27">
        <v>116</v>
      </c>
      <c r="B118" s="6" t="s">
        <v>1368</v>
      </c>
      <c r="C118" s="5" t="s">
        <v>1369</v>
      </c>
      <c r="D118" s="5" t="s">
        <v>1370</v>
      </c>
      <c r="E118" s="4" t="s">
        <v>849</v>
      </c>
    </row>
    <row r="119" spans="1:5" ht="23.1" customHeight="1" x14ac:dyDescent="0.2">
      <c r="A119" s="27">
        <v>117</v>
      </c>
      <c r="B119" s="6" t="s">
        <v>1371</v>
      </c>
      <c r="C119" s="5" t="s">
        <v>393</v>
      </c>
      <c r="D119" s="5" t="s">
        <v>665</v>
      </c>
      <c r="E119" s="4" t="s">
        <v>849</v>
      </c>
    </row>
    <row r="120" spans="1:5" ht="23.1" customHeight="1" x14ac:dyDescent="0.2">
      <c r="A120" s="27">
        <v>118</v>
      </c>
      <c r="B120" s="6" t="s">
        <v>2170</v>
      </c>
      <c r="C120" s="5" t="s">
        <v>2168</v>
      </c>
      <c r="D120" s="5" t="s">
        <v>2169</v>
      </c>
      <c r="E120" s="4" t="s">
        <v>3</v>
      </c>
    </row>
    <row r="121" spans="1:5" ht="23.1" customHeight="1" x14ac:dyDescent="0.2">
      <c r="A121" s="27">
        <v>119</v>
      </c>
      <c r="B121" s="6" t="s">
        <v>1372</v>
      </c>
      <c r="C121" s="5" t="s">
        <v>394</v>
      </c>
      <c r="D121" s="5" t="s">
        <v>666</v>
      </c>
      <c r="E121" s="4" t="s">
        <v>849</v>
      </c>
    </row>
    <row r="122" spans="1:5" ht="23.1" customHeight="1" x14ac:dyDescent="0.2">
      <c r="A122" s="27">
        <v>120</v>
      </c>
      <c r="B122" s="6" t="s">
        <v>1381</v>
      </c>
      <c r="C122" s="5" t="s">
        <v>1382</v>
      </c>
      <c r="D122" s="5" t="s">
        <v>2066</v>
      </c>
      <c r="E122" s="4" t="s">
        <v>3</v>
      </c>
    </row>
    <row r="123" spans="1:5" ht="23.1" customHeight="1" x14ac:dyDescent="0.2">
      <c r="A123" s="27">
        <v>121</v>
      </c>
      <c r="B123" s="6" t="s">
        <v>1373</v>
      </c>
      <c r="C123" s="5" t="s">
        <v>395</v>
      </c>
      <c r="D123" s="5" t="s">
        <v>667</v>
      </c>
      <c r="E123" s="4" t="s">
        <v>849</v>
      </c>
    </row>
    <row r="124" spans="1:5" ht="23.1" customHeight="1" x14ac:dyDescent="0.2">
      <c r="A124" s="27">
        <v>122</v>
      </c>
      <c r="B124" s="6" t="s">
        <v>1824</v>
      </c>
      <c r="C124" s="5" t="s">
        <v>2070</v>
      </c>
      <c r="D124" s="5" t="s">
        <v>1823</v>
      </c>
      <c r="E124" s="4" t="s">
        <v>849</v>
      </c>
    </row>
    <row r="125" spans="1:5" ht="23.1" customHeight="1" x14ac:dyDescent="0.2">
      <c r="A125" s="27">
        <v>123</v>
      </c>
      <c r="B125" s="6" t="s">
        <v>2001</v>
      </c>
      <c r="C125" s="5" t="s">
        <v>1999</v>
      </c>
      <c r="D125" s="5" t="s">
        <v>2000</v>
      </c>
      <c r="E125" s="4" t="s">
        <v>849</v>
      </c>
    </row>
    <row r="126" spans="1:5" ht="23.1" customHeight="1" x14ac:dyDescent="0.2">
      <c r="A126" s="27">
        <v>124</v>
      </c>
      <c r="B126" s="6" t="s">
        <v>1374</v>
      </c>
      <c r="C126" s="5" t="s">
        <v>396</v>
      </c>
      <c r="D126" s="5" t="s">
        <v>668</v>
      </c>
      <c r="E126" s="4" t="s">
        <v>849</v>
      </c>
    </row>
    <row r="127" spans="1:5" ht="23.1" customHeight="1" x14ac:dyDescent="0.2">
      <c r="A127" s="27">
        <v>125</v>
      </c>
      <c r="B127" s="6" t="s">
        <v>1375</v>
      </c>
      <c r="C127" s="5" t="s">
        <v>397</v>
      </c>
      <c r="D127" s="5" t="s">
        <v>669</v>
      </c>
      <c r="E127" s="4" t="s">
        <v>849</v>
      </c>
    </row>
    <row r="128" spans="1:5" ht="23.1" customHeight="1" x14ac:dyDescent="0.2">
      <c r="A128" s="27">
        <v>126</v>
      </c>
      <c r="B128" s="6" t="s">
        <v>1376</v>
      </c>
      <c r="C128" s="9" t="s">
        <v>398</v>
      </c>
      <c r="D128" s="9" t="s">
        <v>670</v>
      </c>
      <c r="E128" s="4" t="s">
        <v>849</v>
      </c>
    </row>
    <row r="129" spans="1:5" ht="23.1" customHeight="1" x14ac:dyDescent="0.2">
      <c r="A129" s="27">
        <v>127</v>
      </c>
      <c r="B129" s="6" t="s">
        <v>1377</v>
      </c>
      <c r="C129" s="5" t="s">
        <v>399</v>
      </c>
      <c r="D129" s="5" t="s">
        <v>671</v>
      </c>
      <c r="E129" s="4" t="s">
        <v>849</v>
      </c>
    </row>
    <row r="130" spans="1:5" ht="23.1" customHeight="1" x14ac:dyDescent="0.2">
      <c r="A130" s="27">
        <v>128</v>
      </c>
      <c r="B130" s="6" t="s">
        <v>1378</v>
      </c>
      <c r="C130" s="5" t="s">
        <v>400</v>
      </c>
      <c r="D130" s="5" t="s">
        <v>672</v>
      </c>
      <c r="E130" s="4" t="s">
        <v>849</v>
      </c>
    </row>
    <row r="131" spans="1:5" ht="23.1" customHeight="1" x14ac:dyDescent="0.2">
      <c r="A131" s="27">
        <v>129</v>
      </c>
      <c r="B131" s="6" t="s">
        <v>1379</v>
      </c>
      <c r="C131" s="5" t="s">
        <v>401</v>
      </c>
      <c r="D131" s="5" t="s">
        <v>673</v>
      </c>
      <c r="E131" s="4" t="s">
        <v>849</v>
      </c>
    </row>
    <row r="132" spans="1:5" ht="23.1" customHeight="1" x14ac:dyDescent="0.2">
      <c r="A132" s="27">
        <v>130</v>
      </c>
      <c r="B132" s="6" t="s">
        <v>1380</v>
      </c>
      <c r="C132" s="5" t="s">
        <v>402</v>
      </c>
      <c r="D132" s="5" t="s">
        <v>674</v>
      </c>
      <c r="E132" s="4" t="s">
        <v>849</v>
      </c>
    </row>
    <row r="133" spans="1:5" ht="23.1" customHeight="1" x14ac:dyDescent="0.2">
      <c r="A133" s="27">
        <v>131</v>
      </c>
      <c r="B133" s="6" t="s">
        <v>1383</v>
      </c>
      <c r="C133" s="5" t="s">
        <v>1384</v>
      </c>
      <c r="D133" s="5" t="s">
        <v>1385</v>
      </c>
      <c r="E133" s="4" t="s">
        <v>3</v>
      </c>
    </row>
    <row r="134" spans="1:5" ht="23.1" customHeight="1" x14ac:dyDescent="0.2">
      <c r="A134" s="27">
        <v>132</v>
      </c>
      <c r="B134" s="6" t="s">
        <v>2905</v>
      </c>
      <c r="C134" s="5" t="s">
        <v>2904</v>
      </c>
      <c r="D134" s="5" t="s">
        <v>2903</v>
      </c>
      <c r="E134" s="4" t="s">
        <v>3</v>
      </c>
    </row>
    <row r="135" spans="1:5" ht="23.1" customHeight="1" x14ac:dyDescent="0.2">
      <c r="A135" s="27">
        <v>133</v>
      </c>
      <c r="B135" s="6" t="s">
        <v>2914</v>
      </c>
      <c r="C135" s="5" t="s">
        <v>2913</v>
      </c>
      <c r="D135" s="5" t="s">
        <v>2912</v>
      </c>
      <c r="E135" s="4" t="s">
        <v>849</v>
      </c>
    </row>
    <row r="136" spans="1:5" ht="23.1" customHeight="1" x14ac:dyDescent="0.2">
      <c r="A136" s="27">
        <v>134</v>
      </c>
      <c r="B136" s="6" t="s">
        <v>1461</v>
      </c>
      <c r="C136" s="11" t="s">
        <v>463</v>
      </c>
      <c r="D136" s="11" t="s">
        <v>738</v>
      </c>
      <c r="E136" s="4" t="s">
        <v>849</v>
      </c>
    </row>
    <row r="137" spans="1:5" ht="23.1" customHeight="1" x14ac:dyDescent="0.2">
      <c r="A137" s="27">
        <v>135</v>
      </c>
      <c r="B137" s="6" t="s">
        <v>1687</v>
      </c>
      <c r="C137" s="4" t="s">
        <v>1693</v>
      </c>
      <c r="D137" s="4" t="s">
        <v>1696</v>
      </c>
      <c r="E137" s="4" t="s">
        <v>849</v>
      </c>
    </row>
    <row r="138" spans="1:5" ht="23.1" customHeight="1" x14ac:dyDescent="0.2">
      <c r="A138" s="27">
        <v>136</v>
      </c>
      <c r="B138" s="6" t="s">
        <v>1115</v>
      </c>
      <c r="C138" s="5" t="s">
        <v>206</v>
      </c>
      <c r="D138" s="5" t="s">
        <v>496</v>
      </c>
      <c r="E138" s="4" t="s">
        <v>849</v>
      </c>
    </row>
    <row r="139" spans="1:5" ht="23.1" customHeight="1" x14ac:dyDescent="0.2">
      <c r="A139" s="27">
        <v>137</v>
      </c>
      <c r="B139" s="6" t="s">
        <v>1114</v>
      </c>
      <c r="C139" s="5" t="s">
        <v>205</v>
      </c>
      <c r="D139" s="5" t="s">
        <v>495</v>
      </c>
      <c r="E139" s="4" t="s">
        <v>849</v>
      </c>
    </row>
    <row r="140" spans="1:5" ht="23.1" customHeight="1" x14ac:dyDescent="0.2">
      <c r="A140" s="27">
        <v>138</v>
      </c>
      <c r="B140" s="6" t="s">
        <v>1116</v>
      </c>
      <c r="C140" s="5" t="s">
        <v>207</v>
      </c>
      <c r="D140" s="5" t="s">
        <v>507</v>
      </c>
      <c r="E140" s="4" t="s">
        <v>849</v>
      </c>
    </row>
    <row r="141" spans="1:5" ht="23.1" customHeight="1" x14ac:dyDescent="0.2">
      <c r="A141" s="27">
        <v>139</v>
      </c>
      <c r="B141" s="6" t="s">
        <v>2920</v>
      </c>
      <c r="C141" s="5" t="s">
        <v>2919</v>
      </c>
      <c r="D141" s="5" t="s">
        <v>2918</v>
      </c>
      <c r="E141" s="4" t="s">
        <v>3</v>
      </c>
    </row>
    <row r="142" spans="1:5" ht="23.1" customHeight="1" x14ac:dyDescent="0.2">
      <c r="A142" s="27">
        <v>140</v>
      </c>
      <c r="B142" s="6" t="s">
        <v>1117</v>
      </c>
      <c r="C142" s="5" t="s">
        <v>208</v>
      </c>
      <c r="D142" s="5" t="s">
        <v>508</v>
      </c>
      <c r="E142" s="4" t="s">
        <v>849</v>
      </c>
    </row>
    <row r="143" spans="1:5" ht="23.1" customHeight="1" x14ac:dyDescent="0.2">
      <c r="A143" s="27">
        <v>141</v>
      </c>
      <c r="B143" s="6" t="s">
        <v>1118</v>
      </c>
      <c r="C143" s="5" t="s">
        <v>209</v>
      </c>
      <c r="D143" s="5" t="s">
        <v>499</v>
      </c>
      <c r="E143" s="4" t="s">
        <v>849</v>
      </c>
    </row>
    <row r="144" spans="1:5" s="23" customFormat="1" ht="23.1" customHeight="1" x14ac:dyDescent="0.2">
      <c r="A144" s="27">
        <v>142</v>
      </c>
      <c r="B144" s="6" t="s">
        <v>1119</v>
      </c>
      <c r="C144" s="5" t="s">
        <v>1120</v>
      </c>
      <c r="D144" s="5" t="s">
        <v>509</v>
      </c>
      <c r="E144" s="4" t="s">
        <v>849</v>
      </c>
    </row>
    <row r="145" spans="1:5" ht="23.1" customHeight="1" x14ac:dyDescent="0.2">
      <c r="A145" s="27">
        <v>143</v>
      </c>
      <c r="B145" s="6" t="s">
        <v>1121</v>
      </c>
      <c r="C145" s="5" t="s">
        <v>210</v>
      </c>
      <c r="D145" s="5" t="s">
        <v>3023</v>
      </c>
      <c r="E145" s="4" t="s">
        <v>849</v>
      </c>
    </row>
    <row r="146" spans="1:5" ht="23.1" customHeight="1" x14ac:dyDescent="0.2">
      <c r="A146" s="27">
        <v>144</v>
      </c>
      <c r="B146" s="26" t="s">
        <v>3026</v>
      </c>
      <c r="C146" s="1" t="s">
        <v>3025</v>
      </c>
      <c r="D146" s="1" t="s">
        <v>3024</v>
      </c>
      <c r="E146" s="2" t="s">
        <v>3</v>
      </c>
    </row>
    <row r="147" spans="1:5" ht="23.1" customHeight="1" x14ac:dyDescent="0.2">
      <c r="A147" s="27">
        <v>145</v>
      </c>
      <c r="B147" s="6" t="s">
        <v>1122</v>
      </c>
      <c r="C147" s="5" t="s">
        <v>211</v>
      </c>
      <c r="D147" s="5" t="s">
        <v>510</v>
      </c>
      <c r="E147" s="4" t="s">
        <v>849</v>
      </c>
    </row>
    <row r="148" spans="1:5" ht="23.1" customHeight="1" x14ac:dyDescent="0.2">
      <c r="A148" s="27">
        <v>146</v>
      </c>
      <c r="B148" s="6" t="s">
        <v>1123</v>
      </c>
      <c r="C148" s="5" t="s">
        <v>1520</v>
      </c>
      <c r="D148" s="5" t="s">
        <v>500</v>
      </c>
      <c r="E148" s="4" t="s">
        <v>849</v>
      </c>
    </row>
    <row r="149" spans="1:5" ht="23.1" customHeight="1" x14ac:dyDescent="0.2">
      <c r="A149" s="27">
        <v>147</v>
      </c>
      <c r="B149" s="6" t="s">
        <v>2295</v>
      </c>
      <c r="C149" s="5" t="s">
        <v>212</v>
      </c>
      <c r="D149" s="5" t="s">
        <v>501</v>
      </c>
      <c r="E149" s="4" t="s">
        <v>849</v>
      </c>
    </row>
    <row r="150" spans="1:5" ht="23.1" customHeight="1" x14ac:dyDescent="0.2">
      <c r="A150" s="27">
        <v>148</v>
      </c>
      <c r="B150" s="6" t="s">
        <v>2296</v>
      </c>
      <c r="C150" s="5" t="s">
        <v>2294</v>
      </c>
      <c r="D150" s="5" t="s">
        <v>2293</v>
      </c>
      <c r="E150" s="4" t="s">
        <v>3</v>
      </c>
    </row>
    <row r="151" spans="1:5" ht="23.1" customHeight="1" x14ac:dyDescent="0.2">
      <c r="A151" s="27">
        <v>149</v>
      </c>
      <c r="B151" s="6" t="s">
        <v>1853</v>
      </c>
      <c r="C151" s="5" t="s">
        <v>1851</v>
      </c>
      <c r="D151" s="5" t="s">
        <v>1852</v>
      </c>
      <c r="E151" s="4" t="s">
        <v>849</v>
      </c>
    </row>
    <row r="152" spans="1:5" ht="23.1" customHeight="1" x14ac:dyDescent="0.2">
      <c r="A152" s="27">
        <v>150</v>
      </c>
      <c r="B152" s="4" t="s">
        <v>1595</v>
      </c>
      <c r="C152" s="5" t="s">
        <v>1600</v>
      </c>
      <c r="D152" s="5" t="s">
        <v>1605</v>
      </c>
      <c r="E152" s="4" t="s">
        <v>849</v>
      </c>
    </row>
    <row r="153" spans="1:5" ht="23.1" customHeight="1" x14ac:dyDescent="0.2">
      <c r="A153" s="27">
        <v>151</v>
      </c>
      <c r="B153" s="6" t="s">
        <v>1124</v>
      </c>
      <c r="C153" s="5" t="s">
        <v>213</v>
      </c>
      <c r="D153" s="5" t="s">
        <v>511</v>
      </c>
      <c r="E153" s="4" t="s">
        <v>3</v>
      </c>
    </row>
    <row r="154" spans="1:5" ht="23.1" customHeight="1" x14ac:dyDescent="0.2">
      <c r="A154" s="27">
        <v>152</v>
      </c>
      <c r="B154" s="6" t="s">
        <v>1125</v>
      </c>
      <c r="C154" s="5" t="s">
        <v>214</v>
      </c>
      <c r="D154" s="5" t="s">
        <v>502</v>
      </c>
      <c r="E154" s="4" t="s">
        <v>849</v>
      </c>
    </row>
    <row r="155" spans="1:5" ht="23.1" customHeight="1" x14ac:dyDescent="0.2">
      <c r="A155" s="27">
        <v>153</v>
      </c>
      <c r="B155" s="6" t="s">
        <v>1126</v>
      </c>
      <c r="C155" s="5" t="s">
        <v>215</v>
      </c>
      <c r="D155" s="5" t="s">
        <v>503</v>
      </c>
      <c r="E155" s="4" t="s">
        <v>849</v>
      </c>
    </row>
    <row r="156" spans="1:5" ht="23.1" customHeight="1" x14ac:dyDescent="0.2">
      <c r="A156" s="27">
        <v>154</v>
      </c>
      <c r="B156" s="6" t="s">
        <v>1127</v>
      </c>
      <c r="C156" s="5" t="s">
        <v>216</v>
      </c>
      <c r="D156" s="5" t="s">
        <v>497</v>
      </c>
      <c r="E156" s="4" t="s">
        <v>849</v>
      </c>
    </row>
    <row r="157" spans="1:5" ht="23.1" customHeight="1" x14ac:dyDescent="0.2">
      <c r="A157" s="27">
        <v>155</v>
      </c>
      <c r="B157" s="6" t="s">
        <v>2658</v>
      </c>
      <c r="C157" s="5" t="s">
        <v>2656</v>
      </c>
      <c r="D157" s="5" t="s">
        <v>2657</v>
      </c>
      <c r="E157" s="4" t="s">
        <v>849</v>
      </c>
    </row>
    <row r="158" spans="1:5" ht="23.1" customHeight="1" x14ac:dyDescent="0.2">
      <c r="A158" s="27">
        <v>156</v>
      </c>
      <c r="B158" s="6" t="s">
        <v>1128</v>
      </c>
      <c r="C158" s="5" t="s">
        <v>217</v>
      </c>
      <c r="D158" s="5" t="s">
        <v>512</v>
      </c>
      <c r="E158" s="4" t="s">
        <v>3</v>
      </c>
    </row>
    <row r="159" spans="1:5" ht="23.1" customHeight="1" x14ac:dyDescent="0.2">
      <c r="A159" s="27">
        <v>157</v>
      </c>
      <c r="B159" s="6" t="s">
        <v>1129</v>
      </c>
      <c r="C159" s="5" t="s">
        <v>218</v>
      </c>
      <c r="D159" s="5" t="s">
        <v>513</v>
      </c>
      <c r="E159" s="4" t="s">
        <v>849</v>
      </c>
    </row>
    <row r="160" spans="1:5" ht="23.1" customHeight="1" x14ac:dyDescent="0.2">
      <c r="A160" s="27">
        <v>158</v>
      </c>
      <c r="B160" s="6" t="s">
        <v>2088</v>
      </c>
      <c r="C160" s="5" t="s">
        <v>2089</v>
      </c>
      <c r="D160" s="5" t="s">
        <v>2087</v>
      </c>
      <c r="E160" s="4" t="s">
        <v>3</v>
      </c>
    </row>
    <row r="161" spans="1:5" ht="23.1" customHeight="1" x14ac:dyDescent="0.2">
      <c r="A161" s="27">
        <v>159</v>
      </c>
      <c r="B161" s="6" t="s">
        <v>1822</v>
      </c>
      <c r="C161" s="5" t="s">
        <v>1820</v>
      </c>
      <c r="D161" s="5" t="s">
        <v>1821</v>
      </c>
      <c r="E161" s="4" t="s">
        <v>3</v>
      </c>
    </row>
    <row r="162" spans="1:5" ht="23.1" customHeight="1" x14ac:dyDescent="0.2">
      <c r="A162" s="27">
        <v>160</v>
      </c>
      <c r="B162" s="4" t="s">
        <v>1669</v>
      </c>
      <c r="C162" s="4" t="s">
        <v>1678</v>
      </c>
      <c r="D162" s="4" t="s">
        <v>1683</v>
      </c>
      <c r="E162" s="4" t="s">
        <v>3</v>
      </c>
    </row>
    <row r="163" spans="1:5" ht="23.1" customHeight="1" x14ac:dyDescent="0.2">
      <c r="A163" s="27">
        <v>161</v>
      </c>
      <c r="B163" s="4" t="s">
        <v>1937</v>
      </c>
      <c r="C163" s="2" t="s">
        <v>3016</v>
      </c>
      <c r="D163" s="4" t="s">
        <v>1936</v>
      </c>
      <c r="E163" s="4" t="s">
        <v>3</v>
      </c>
    </row>
    <row r="164" spans="1:5" ht="23.1" customHeight="1" x14ac:dyDescent="0.2">
      <c r="A164" s="27">
        <v>162</v>
      </c>
      <c r="B164" s="4" t="s">
        <v>1921</v>
      </c>
      <c r="C164" s="4" t="s">
        <v>1884</v>
      </c>
      <c r="D164" s="4" t="s">
        <v>1883</v>
      </c>
      <c r="E164" s="4" t="s">
        <v>3</v>
      </c>
    </row>
    <row r="165" spans="1:5" ht="23.1" customHeight="1" x14ac:dyDescent="0.2">
      <c r="A165" s="27">
        <v>163</v>
      </c>
      <c r="B165" s="6" t="s">
        <v>1130</v>
      </c>
      <c r="C165" s="5" t="s">
        <v>1131</v>
      </c>
      <c r="D165" s="5" t="s">
        <v>1132</v>
      </c>
      <c r="E165" s="4" t="s">
        <v>849</v>
      </c>
    </row>
    <row r="166" spans="1:5" ht="23.1" customHeight="1" x14ac:dyDescent="0.2">
      <c r="A166" s="27">
        <v>164</v>
      </c>
      <c r="B166" s="6" t="s">
        <v>1133</v>
      </c>
      <c r="C166" s="5" t="s">
        <v>219</v>
      </c>
      <c r="D166" s="5" t="s">
        <v>514</v>
      </c>
      <c r="E166" s="4" t="s">
        <v>849</v>
      </c>
    </row>
    <row r="167" spans="1:5" ht="23.1" customHeight="1" x14ac:dyDescent="0.2">
      <c r="A167" s="27">
        <v>165</v>
      </c>
      <c r="B167" s="6" t="s">
        <v>2315</v>
      </c>
      <c r="C167" s="5" t="s">
        <v>2314</v>
      </c>
      <c r="D167" s="5" t="s">
        <v>2313</v>
      </c>
      <c r="E167" s="4" t="s">
        <v>849</v>
      </c>
    </row>
    <row r="168" spans="1:5" ht="23.1" customHeight="1" x14ac:dyDescent="0.2">
      <c r="A168" s="27">
        <v>166</v>
      </c>
      <c r="B168" s="6" t="s">
        <v>1134</v>
      </c>
      <c r="C168" s="5" t="s">
        <v>220</v>
      </c>
      <c r="D168" s="5" t="s">
        <v>504</v>
      </c>
      <c r="E168" s="4" t="s">
        <v>849</v>
      </c>
    </row>
    <row r="169" spans="1:5" ht="23.1" customHeight="1" x14ac:dyDescent="0.2">
      <c r="A169" s="27">
        <v>167</v>
      </c>
      <c r="B169" s="4" t="s">
        <v>1714</v>
      </c>
      <c r="C169" s="4" t="s">
        <v>1707</v>
      </c>
      <c r="D169" s="4" t="s">
        <v>1721</v>
      </c>
      <c r="E169" s="4" t="s">
        <v>3</v>
      </c>
    </row>
    <row r="170" spans="1:5" ht="23.1" customHeight="1" x14ac:dyDescent="0.2">
      <c r="A170" s="27">
        <v>168</v>
      </c>
      <c r="B170" s="6" t="s">
        <v>1135</v>
      </c>
      <c r="C170" s="5" t="s">
        <v>2117</v>
      </c>
      <c r="D170" s="5" t="s">
        <v>505</v>
      </c>
      <c r="E170" s="4" t="s">
        <v>3</v>
      </c>
    </row>
    <row r="171" spans="1:5" ht="23.1" customHeight="1" x14ac:dyDescent="0.2">
      <c r="A171" s="27">
        <v>169</v>
      </c>
      <c r="B171" s="6" t="s">
        <v>1136</v>
      </c>
      <c r="C171" s="5" t="s">
        <v>221</v>
      </c>
      <c r="D171" s="5" t="s">
        <v>506</v>
      </c>
      <c r="E171" s="4" t="s">
        <v>849</v>
      </c>
    </row>
    <row r="172" spans="1:5" ht="23.1" customHeight="1" x14ac:dyDescent="0.2">
      <c r="A172" s="27">
        <v>170</v>
      </c>
      <c r="B172" s="6" t="s">
        <v>1935</v>
      </c>
      <c r="C172" s="1" t="s">
        <v>3015</v>
      </c>
      <c r="D172" s="5" t="s">
        <v>1934</v>
      </c>
      <c r="E172" s="4" t="s">
        <v>3</v>
      </c>
    </row>
    <row r="173" spans="1:5" ht="23.1" customHeight="1" x14ac:dyDescent="0.2">
      <c r="A173" s="27">
        <v>171</v>
      </c>
      <c r="B173" s="6" t="s">
        <v>1786</v>
      </c>
      <c r="C173" s="5" t="s">
        <v>1784</v>
      </c>
      <c r="D173" s="5" t="s">
        <v>1785</v>
      </c>
      <c r="E173" s="4" t="s">
        <v>849</v>
      </c>
    </row>
    <row r="174" spans="1:5" ht="23.1" customHeight="1" x14ac:dyDescent="0.2">
      <c r="A174" s="27">
        <v>172</v>
      </c>
      <c r="B174" s="6" t="s">
        <v>1137</v>
      </c>
      <c r="C174" s="5" t="s">
        <v>222</v>
      </c>
      <c r="D174" s="5" t="s">
        <v>498</v>
      </c>
      <c r="E174" s="4" t="s">
        <v>849</v>
      </c>
    </row>
    <row r="175" spans="1:5" ht="23.1" customHeight="1" x14ac:dyDescent="0.2">
      <c r="A175" s="27">
        <v>173</v>
      </c>
      <c r="B175" s="6" t="s">
        <v>1138</v>
      </c>
      <c r="C175" s="5" t="s">
        <v>1139</v>
      </c>
      <c r="D175" s="5" t="s">
        <v>1140</v>
      </c>
      <c r="E175" s="4" t="s">
        <v>849</v>
      </c>
    </row>
    <row r="176" spans="1:5" ht="23.1" customHeight="1" x14ac:dyDescent="0.2">
      <c r="A176" s="27">
        <v>174</v>
      </c>
      <c r="B176" s="6" t="s">
        <v>1141</v>
      </c>
      <c r="C176" s="5" t="s">
        <v>223</v>
      </c>
      <c r="D176" s="5" t="s">
        <v>2086</v>
      </c>
      <c r="E176" s="4" t="s">
        <v>849</v>
      </c>
    </row>
    <row r="177" spans="1:5" ht="23.1" customHeight="1" x14ac:dyDescent="0.2">
      <c r="A177" s="27">
        <v>175</v>
      </c>
      <c r="B177" s="6" t="s">
        <v>2287</v>
      </c>
      <c r="C177" s="5" t="s">
        <v>224</v>
      </c>
      <c r="D177" s="5" t="s">
        <v>2618</v>
      </c>
      <c r="E177" s="4" t="s">
        <v>849</v>
      </c>
    </row>
    <row r="178" spans="1:5" ht="23.1" customHeight="1" x14ac:dyDescent="0.2">
      <c r="A178" s="27">
        <v>176</v>
      </c>
      <c r="B178" s="6" t="s">
        <v>2619</v>
      </c>
      <c r="C178" s="5" t="s">
        <v>2620</v>
      </c>
      <c r="D178" s="5" t="s">
        <v>2621</v>
      </c>
      <c r="E178" s="4" t="s">
        <v>3</v>
      </c>
    </row>
    <row r="179" spans="1:5" ht="23.1" customHeight="1" x14ac:dyDescent="0.2">
      <c r="A179" s="27">
        <v>177</v>
      </c>
      <c r="B179" s="6" t="s">
        <v>2622</v>
      </c>
      <c r="C179" s="5" t="s">
        <v>2623</v>
      </c>
      <c r="D179" s="5" t="s">
        <v>2624</v>
      </c>
      <c r="E179" s="4" t="s">
        <v>3</v>
      </c>
    </row>
    <row r="180" spans="1:5" ht="23.1" customHeight="1" x14ac:dyDescent="0.2">
      <c r="A180" s="27">
        <v>178</v>
      </c>
      <c r="B180" s="6" t="s">
        <v>2699</v>
      </c>
      <c r="C180" s="5" t="s">
        <v>2697</v>
      </c>
      <c r="D180" s="5" t="s">
        <v>2698</v>
      </c>
      <c r="E180" s="4" t="s">
        <v>3</v>
      </c>
    </row>
    <row r="181" spans="1:5" ht="23.1" customHeight="1" x14ac:dyDescent="0.2">
      <c r="A181" s="27">
        <v>179</v>
      </c>
      <c r="B181" s="6" t="s">
        <v>2288</v>
      </c>
      <c r="C181" s="5" t="s">
        <v>2285</v>
      </c>
      <c r="D181" s="5" t="s">
        <v>2283</v>
      </c>
      <c r="E181" s="4" t="s">
        <v>3</v>
      </c>
    </row>
    <row r="182" spans="1:5" ht="23.1" customHeight="1" x14ac:dyDescent="0.2">
      <c r="A182" s="27">
        <v>180</v>
      </c>
      <c r="B182" s="6" t="s">
        <v>2289</v>
      </c>
      <c r="C182" s="5" t="s">
        <v>2286</v>
      </c>
      <c r="D182" s="5" t="s">
        <v>2284</v>
      </c>
      <c r="E182" s="4" t="s">
        <v>3</v>
      </c>
    </row>
    <row r="183" spans="1:5" ht="23.1" customHeight="1" x14ac:dyDescent="0.2">
      <c r="A183" s="27">
        <v>181</v>
      </c>
      <c r="B183" s="6" t="s">
        <v>1142</v>
      </c>
      <c r="C183" s="5" t="s">
        <v>226</v>
      </c>
      <c r="D183" s="5" t="s">
        <v>515</v>
      </c>
      <c r="E183" s="4" t="s">
        <v>849</v>
      </c>
    </row>
    <row r="184" spans="1:5" ht="23.1" customHeight="1" x14ac:dyDescent="0.2">
      <c r="A184" s="27">
        <v>182</v>
      </c>
      <c r="B184" s="6" t="s">
        <v>1143</v>
      </c>
      <c r="C184" s="5" t="s">
        <v>227</v>
      </c>
      <c r="D184" s="5" t="s">
        <v>515</v>
      </c>
      <c r="E184" s="4" t="s">
        <v>849</v>
      </c>
    </row>
    <row r="185" spans="1:5" ht="23.1" customHeight="1" x14ac:dyDescent="0.2">
      <c r="A185" s="27">
        <v>183</v>
      </c>
      <c r="B185" s="6" t="s">
        <v>1144</v>
      </c>
      <c r="C185" s="5" t="s">
        <v>2320</v>
      </c>
      <c r="D185" s="5" t="s">
        <v>515</v>
      </c>
      <c r="E185" s="4" t="s">
        <v>849</v>
      </c>
    </row>
    <row r="186" spans="1:5" ht="23.1" customHeight="1" x14ac:dyDescent="0.2">
      <c r="A186" s="27">
        <v>184</v>
      </c>
      <c r="B186" s="6" t="s">
        <v>1145</v>
      </c>
      <c r="C186" s="5" t="s">
        <v>1470</v>
      </c>
      <c r="D186" s="5" t="s">
        <v>515</v>
      </c>
      <c r="E186" s="4" t="s">
        <v>849</v>
      </c>
    </row>
    <row r="187" spans="1:5" ht="23.1" customHeight="1" x14ac:dyDescent="0.2">
      <c r="A187" s="27">
        <v>185</v>
      </c>
      <c r="B187" s="6" t="s">
        <v>1148</v>
      </c>
      <c r="C187" s="5" t="s">
        <v>229</v>
      </c>
      <c r="D187" s="5" t="s">
        <v>515</v>
      </c>
      <c r="E187" s="4" t="s">
        <v>849</v>
      </c>
    </row>
    <row r="188" spans="1:5" ht="23.1" customHeight="1" x14ac:dyDescent="0.2">
      <c r="A188" s="27">
        <v>186</v>
      </c>
      <c r="B188" s="6" t="s">
        <v>1146</v>
      </c>
      <c r="C188" s="5" t="s">
        <v>225</v>
      </c>
      <c r="D188" s="5" t="s">
        <v>516</v>
      </c>
      <c r="E188" s="4" t="s">
        <v>849</v>
      </c>
    </row>
    <row r="189" spans="1:5" ht="23.1" customHeight="1" x14ac:dyDescent="0.2">
      <c r="A189" s="27">
        <v>187</v>
      </c>
      <c r="B189" s="6" t="s">
        <v>1147</v>
      </c>
      <c r="C189" s="5" t="s">
        <v>228</v>
      </c>
      <c r="D189" s="5" t="s">
        <v>515</v>
      </c>
      <c r="E189" s="4" t="s">
        <v>849</v>
      </c>
    </row>
    <row r="190" spans="1:5" ht="23.1" customHeight="1" x14ac:dyDescent="0.2">
      <c r="A190" s="27">
        <v>188</v>
      </c>
      <c r="B190" s="6" t="s">
        <v>1149</v>
      </c>
      <c r="C190" s="5" t="s">
        <v>846</v>
      </c>
      <c r="D190" s="5" t="s">
        <v>847</v>
      </c>
      <c r="E190" s="4" t="s">
        <v>849</v>
      </c>
    </row>
    <row r="191" spans="1:5" ht="23.1" customHeight="1" x14ac:dyDescent="0.2">
      <c r="A191" s="27">
        <v>189</v>
      </c>
      <c r="B191" s="6" t="s">
        <v>1150</v>
      </c>
      <c r="C191" s="5" t="s">
        <v>230</v>
      </c>
      <c r="D191" s="5" t="s">
        <v>538</v>
      </c>
      <c r="E191" s="4" t="s">
        <v>3</v>
      </c>
    </row>
    <row r="192" spans="1:5" ht="23.1" customHeight="1" x14ac:dyDescent="0.2">
      <c r="A192" s="27">
        <v>190</v>
      </c>
      <c r="B192" s="6" t="s">
        <v>1151</v>
      </c>
      <c r="C192" s="5" t="s">
        <v>231</v>
      </c>
      <c r="D192" s="5" t="s">
        <v>539</v>
      </c>
      <c r="E192" s="4" t="s">
        <v>849</v>
      </c>
    </row>
    <row r="193" spans="1:5" ht="23.1" customHeight="1" x14ac:dyDescent="0.2">
      <c r="A193" s="27">
        <v>191</v>
      </c>
      <c r="B193" s="6" t="s">
        <v>1783</v>
      </c>
      <c r="C193" s="5" t="s">
        <v>1940</v>
      </c>
      <c r="D193" s="5" t="s">
        <v>1939</v>
      </c>
      <c r="E193" s="4" t="s">
        <v>3</v>
      </c>
    </row>
    <row r="194" spans="1:5" ht="23.1" customHeight="1" x14ac:dyDescent="0.2">
      <c r="A194" s="27">
        <v>192</v>
      </c>
      <c r="B194" s="6" t="s">
        <v>2890</v>
      </c>
      <c r="C194" s="5" t="s">
        <v>2889</v>
      </c>
      <c r="D194" s="5" t="s">
        <v>2888</v>
      </c>
      <c r="E194" s="4" t="s">
        <v>3</v>
      </c>
    </row>
    <row r="195" spans="1:5" ht="23.1" customHeight="1" x14ac:dyDescent="0.2">
      <c r="A195" s="27">
        <v>193</v>
      </c>
      <c r="B195" s="6" t="s">
        <v>1521</v>
      </c>
      <c r="C195" s="1" t="s">
        <v>2932</v>
      </c>
      <c r="D195" s="5" t="s">
        <v>1522</v>
      </c>
      <c r="E195" s="4" t="s">
        <v>849</v>
      </c>
    </row>
    <row r="196" spans="1:5" ht="23.1" customHeight="1" x14ac:dyDescent="0.2">
      <c r="A196" s="27">
        <v>194</v>
      </c>
      <c r="B196" s="6" t="s">
        <v>1152</v>
      </c>
      <c r="C196" s="5" t="s">
        <v>232</v>
      </c>
      <c r="D196" s="5" t="s">
        <v>517</v>
      </c>
      <c r="E196" s="4" t="s">
        <v>849</v>
      </c>
    </row>
    <row r="197" spans="1:5" ht="23.1" customHeight="1" x14ac:dyDescent="0.2">
      <c r="A197" s="27">
        <v>195</v>
      </c>
      <c r="B197" s="6" t="s">
        <v>1153</v>
      </c>
      <c r="C197" s="5" t="s">
        <v>233</v>
      </c>
      <c r="D197" s="5" t="s">
        <v>518</v>
      </c>
      <c r="E197" s="4" t="s">
        <v>849</v>
      </c>
    </row>
    <row r="198" spans="1:5" ht="23.1" customHeight="1" x14ac:dyDescent="0.2">
      <c r="A198" s="27">
        <v>196</v>
      </c>
      <c r="B198" s="6" t="s">
        <v>1154</v>
      </c>
      <c r="C198" s="5" t="s">
        <v>843</v>
      </c>
      <c r="D198" s="5" t="s">
        <v>1155</v>
      </c>
      <c r="E198" s="4" t="s">
        <v>3</v>
      </c>
    </row>
    <row r="199" spans="1:5" ht="23.1" customHeight="1" x14ac:dyDescent="0.2">
      <c r="A199" s="27">
        <v>197</v>
      </c>
      <c r="B199" s="6" t="s">
        <v>1156</v>
      </c>
      <c r="C199" s="5" t="s">
        <v>234</v>
      </c>
      <c r="D199" s="5" t="s">
        <v>519</v>
      </c>
      <c r="E199" s="4" t="s">
        <v>849</v>
      </c>
    </row>
    <row r="200" spans="1:5" ht="23.1" customHeight="1" x14ac:dyDescent="0.2">
      <c r="A200" s="27">
        <v>198</v>
      </c>
      <c r="B200" s="6" t="s">
        <v>1157</v>
      </c>
      <c r="C200" s="5" t="s">
        <v>235</v>
      </c>
      <c r="D200" s="5" t="s">
        <v>520</v>
      </c>
      <c r="E200" s="4" t="s">
        <v>849</v>
      </c>
    </row>
    <row r="201" spans="1:5" ht="23.1" customHeight="1" x14ac:dyDescent="0.2">
      <c r="A201" s="27">
        <v>199</v>
      </c>
      <c r="B201" s="6" t="s">
        <v>1158</v>
      </c>
      <c r="C201" s="5" t="s">
        <v>1523</v>
      </c>
      <c r="D201" s="5" t="s">
        <v>521</v>
      </c>
      <c r="E201" s="4" t="s">
        <v>849</v>
      </c>
    </row>
    <row r="202" spans="1:5" ht="23.1" customHeight="1" x14ac:dyDescent="0.2">
      <c r="A202" s="27">
        <v>200</v>
      </c>
      <c r="B202" s="6" t="s">
        <v>2519</v>
      </c>
      <c r="C202" s="5" t="s">
        <v>2517</v>
      </c>
      <c r="D202" s="5" t="s">
        <v>2518</v>
      </c>
      <c r="E202" s="4" t="s">
        <v>849</v>
      </c>
    </row>
    <row r="203" spans="1:5" ht="23.1" customHeight="1" x14ac:dyDescent="0.2">
      <c r="A203" s="27">
        <v>201</v>
      </c>
      <c r="B203" s="6" t="s">
        <v>1524</v>
      </c>
      <c r="C203" s="5" t="s">
        <v>1481</v>
      </c>
      <c r="D203" s="5" t="s">
        <v>1525</v>
      </c>
      <c r="E203" s="4" t="s">
        <v>3</v>
      </c>
    </row>
    <row r="204" spans="1:5" ht="23.1" customHeight="1" x14ac:dyDescent="0.2">
      <c r="A204" s="27">
        <v>202</v>
      </c>
      <c r="B204" s="6" t="s">
        <v>1159</v>
      </c>
      <c r="C204" s="5" t="s">
        <v>236</v>
      </c>
      <c r="D204" s="5" t="s">
        <v>522</v>
      </c>
      <c r="E204" s="4" t="s">
        <v>849</v>
      </c>
    </row>
    <row r="205" spans="1:5" ht="23.1" customHeight="1" x14ac:dyDescent="0.2">
      <c r="A205" s="27">
        <v>203</v>
      </c>
      <c r="B205" s="6" t="s">
        <v>1161</v>
      </c>
      <c r="C205" s="5" t="s">
        <v>238</v>
      </c>
      <c r="D205" s="5" t="s">
        <v>523</v>
      </c>
      <c r="E205" s="4" t="s">
        <v>849</v>
      </c>
    </row>
    <row r="206" spans="1:5" ht="23.1" customHeight="1" x14ac:dyDescent="0.2">
      <c r="A206" s="27">
        <v>204</v>
      </c>
      <c r="B206" s="6" t="s">
        <v>1162</v>
      </c>
      <c r="C206" s="5" t="s">
        <v>239</v>
      </c>
      <c r="D206" s="5" t="s">
        <v>524</v>
      </c>
      <c r="E206" s="4" t="s">
        <v>849</v>
      </c>
    </row>
    <row r="207" spans="1:5" ht="23.1" customHeight="1" x14ac:dyDescent="0.2">
      <c r="A207" s="27">
        <v>205</v>
      </c>
      <c r="B207" s="6" t="s">
        <v>1163</v>
      </c>
      <c r="C207" s="5" t="s">
        <v>240</v>
      </c>
      <c r="D207" s="5" t="s">
        <v>525</v>
      </c>
      <c r="E207" s="4" t="s">
        <v>849</v>
      </c>
    </row>
    <row r="208" spans="1:5" ht="23.1" customHeight="1" x14ac:dyDescent="0.2">
      <c r="A208" s="27">
        <v>206</v>
      </c>
      <c r="B208" s="6" t="s">
        <v>1164</v>
      </c>
      <c r="C208" s="5" t="s">
        <v>241</v>
      </c>
      <c r="D208" s="5" t="s">
        <v>526</v>
      </c>
      <c r="E208" s="4" t="s">
        <v>849</v>
      </c>
    </row>
    <row r="209" spans="1:8" ht="23.1" customHeight="1" x14ac:dyDescent="0.2">
      <c r="A209" s="27">
        <v>207</v>
      </c>
      <c r="B209" s="6" t="s">
        <v>1165</v>
      </c>
      <c r="C209" s="5" t="s">
        <v>1166</v>
      </c>
      <c r="D209" s="5" t="s">
        <v>527</v>
      </c>
      <c r="E209" s="4" t="s">
        <v>849</v>
      </c>
    </row>
    <row r="210" spans="1:8" ht="23.1" customHeight="1" x14ac:dyDescent="0.2">
      <c r="A210" s="27">
        <v>208</v>
      </c>
      <c r="B210" s="6" t="s">
        <v>2055</v>
      </c>
      <c r="C210" s="5" t="s">
        <v>2053</v>
      </c>
      <c r="D210" s="5" t="s">
        <v>2054</v>
      </c>
      <c r="E210" s="4" t="s">
        <v>849</v>
      </c>
    </row>
    <row r="211" spans="1:8" ht="23.1" customHeight="1" x14ac:dyDescent="0.2">
      <c r="A211" s="27">
        <v>209</v>
      </c>
      <c r="B211" s="6" t="s">
        <v>1484</v>
      </c>
      <c r="C211" s="5" t="s">
        <v>1485</v>
      </c>
      <c r="D211" s="5" t="s">
        <v>1526</v>
      </c>
      <c r="E211" s="4" t="s">
        <v>3</v>
      </c>
    </row>
    <row r="212" spans="1:8" ht="23.1" customHeight="1" x14ac:dyDescent="0.2">
      <c r="A212" s="27">
        <v>210</v>
      </c>
      <c r="B212" s="6" t="s">
        <v>1167</v>
      </c>
      <c r="C212" s="5" t="s">
        <v>242</v>
      </c>
      <c r="D212" s="5" t="s">
        <v>528</v>
      </c>
      <c r="E212" s="4" t="s">
        <v>3</v>
      </c>
    </row>
    <row r="213" spans="1:8" ht="23.1" customHeight="1" x14ac:dyDescent="0.2">
      <c r="A213" s="27">
        <v>211</v>
      </c>
      <c r="B213" s="6" t="s">
        <v>1168</v>
      </c>
      <c r="C213" s="5" t="s">
        <v>243</v>
      </c>
      <c r="D213" s="5" t="s">
        <v>529</v>
      </c>
      <c r="E213" s="4" t="s">
        <v>3</v>
      </c>
    </row>
    <row r="214" spans="1:8" ht="23.1" customHeight="1" x14ac:dyDescent="0.2">
      <c r="A214" s="27">
        <v>212</v>
      </c>
      <c r="B214" s="4" t="s">
        <v>1712</v>
      </c>
      <c r="C214" s="4" t="s">
        <v>1705</v>
      </c>
      <c r="D214" s="4" t="s">
        <v>1719</v>
      </c>
      <c r="E214" s="4" t="s">
        <v>849</v>
      </c>
    </row>
    <row r="215" spans="1:8" ht="23.1" customHeight="1" x14ac:dyDescent="0.2">
      <c r="A215" s="27">
        <v>213</v>
      </c>
      <c r="B215" s="6" t="s">
        <v>1169</v>
      </c>
      <c r="C215" s="5" t="s">
        <v>244</v>
      </c>
      <c r="D215" s="5" t="s">
        <v>530</v>
      </c>
      <c r="E215" s="4" t="s">
        <v>849</v>
      </c>
    </row>
    <row r="216" spans="1:8" ht="23.1" customHeight="1" x14ac:dyDescent="0.2">
      <c r="A216" s="27">
        <v>214</v>
      </c>
      <c r="B216" s="6" t="s">
        <v>2366</v>
      </c>
      <c r="C216" s="5" t="s">
        <v>1170</v>
      </c>
      <c r="D216" s="5" t="s">
        <v>2363</v>
      </c>
      <c r="E216" s="4" t="s">
        <v>849</v>
      </c>
    </row>
    <row r="217" spans="1:8" ht="23.1" customHeight="1" x14ac:dyDescent="0.2">
      <c r="A217" s="27">
        <v>215</v>
      </c>
      <c r="B217" s="6" t="s">
        <v>2367</v>
      </c>
      <c r="C217" s="5" t="s">
        <v>2365</v>
      </c>
      <c r="D217" s="5" t="s">
        <v>2364</v>
      </c>
      <c r="E217" s="4" t="s">
        <v>849</v>
      </c>
    </row>
    <row r="218" spans="1:8" ht="23.1" customHeight="1" x14ac:dyDescent="0.15">
      <c r="A218" s="27">
        <v>216</v>
      </c>
      <c r="B218" s="6" t="s">
        <v>2221</v>
      </c>
      <c r="C218" s="5" t="s">
        <v>245</v>
      </c>
      <c r="D218" s="5" t="s">
        <v>2218</v>
      </c>
      <c r="E218" s="4" t="s">
        <v>849</v>
      </c>
      <c r="F218" s="13"/>
      <c r="G218" s="13"/>
      <c r="H218" s="14"/>
    </row>
    <row r="219" spans="1:8" ht="23.1" customHeight="1" x14ac:dyDescent="0.15">
      <c r="A219" s="27">
        <v>217</v>
      </c>
      <c r="B219" s="6" t="s">
        <v>2222</v>
      </c>
      <c r="C219" s="5" t="s">
        <v>2220</v>
      </c>
      <c r="D219" s="5" t="s">
        <v>2219</v>
      </c>
      <c r="E219" s="4" t="s">
        <v>849</v>
      </c>
      <c r="F219" s="13"/>
      <c r="G219" s="13"/>
      <c r="H219" s="14"/>
    </row>
    <row r="220" spans="1:8" ht="23.1" customHeight="1" x14ac:dyDescent="0.15">
      <c r="A220" s="27">
        <v>218</v>
      </c>
      <c r="B220" s="6" t="s">
        <v>1171</v>
      </c>
      <c r="C220" s="5" t="s">
        <v>246</v>
      </c>
      <c r="D220" s="5" t="s">
        <v>531</v>
      </c>
      <c r="E220" s="4" t="s">
        <v>849</v>
      </c>
      <c r="F220" s="13"/>
      <c r="G220" s="13"/>
      <c r="H220" s="14"/>
    </row>
    <row r="221" spans="1:8" ht="23.1" customHeight="1" x14ac:dyDescent="0.15">
      <c r="A221" s="27">
        <v>219</v>
      </c>
      <c r="B221" s="6" t="s">
        <v>1985</v>
      </c>
      <c r="C221" s="5" t="s">
        <v>1983</v>
      </c>
      <c r="D221" s="5" t="s">
        <v>1984</v>
      </c>
      <c r="E221" s="4" t="s">
        <v>849</v>
      </c>
      <c r="F221" s="13"/>
      <c r="G221" s="13"/>
      <c r="H221" s="14"/>
    </row>
    <row r="222" spans="1:8" ht="23.1" customHeight="1" x14ac:dyDescent="0.15">
      <c r="A222" s="27">
        <v>220</v>
      </c>
      <c r="B222" s="4" t="s">
        <v>1615</v>
      </c>
      <c r="C222" s="5" t="s">
        <v>1622</v>
      </c>
      <c r="D222" s="5" t="s">
        <v>1628</v>
      </c>
      <c r="E222" s="4" t="s">
        <v>1630</v>
      </c>
      <c r="F222" s="13"/>
      <c r="G222" s="13"/>
      <c r="H222" s="14"/>
    </row>
    <row r="223" spans="1:8" ht="23.1" customHeight="1" x14ac:dyDescent="0.2">
      <c r="A223" s="27">
        <v>221</v>
      </c>
      <c r="B223" s="6" t="s">
        <v>1172</v>
      </c>
      <c r="C223" s="5" t="s">
        <v>247</v>
      </c>
      <c r="D223" s="5" t="s">
        <v>532</v>
      </c>
      <c r="E223" s="4" t="s">
        <v>849</v>
      </c>
    </row>
    <row r="224" spans="1:8" ht="23.1" customHeight="1" x14ac:dyDescent="0.2">
      <c r="A224" s="27">
        <v>222</v>
      </c>
      <c r="B224" s="26" t="s">
        <v>2987</v>
      </c>
      <c r="C224" s="1" t="s">
        <v>2986</v>
      </c>
      <c r="D224" s="1" t="s">
        <v>2985</v>
      </c>
      <c r="E224" s="2" t="s">
        <v>3</v>
      </c>
    </row>
    <row r="225" spans="1:5" ht="23.1" customHeight="1" x14ac:dyDescent="0.2">
      <c r="A225" s="27">
        <v>223</v>
      </c>
      <c r="B225" s="6" t="s">
        <v>1173</v>
      </c>
      <c r="C225" s="5" t="s">
        <v>248</v>
      </c>
      <c r="D225" s="5" t="s">
        <v>533</v>
      </c>
      <c r="E225" s="4" t="s">
        <v>849</v>
      </c>
    </row>
    <row r="226" spans="1:5" ht="23.1" customHeight="1" x14ac:dyDescent="0.2">
      <c r="A226" s="27">
        <v>224</v>
      </c>
      <c r="B226" s="6" t="s">
        <v>1174</v>
      </c>
      <c r="C226" s="5" t="s">
        <v>249</v>
      </c>
      <c r="D226" s="5" t="s">
        <v>534</v>
      </c>
      <c r="E226" s="4" t="s">
        <v>849</v>
      </c>
    </row>
    <row r="227" spans="1:5" ht="23.1" customHeight="1" x14ac:dyDescent="0.2">
      <c r="A227" s="27">
        <v>225</v>
      </c>
      <c r="B227" s="6" t="s">
        <v>2505</v>
      </c>
      <c r="C227" s="5" t="s">
        <v>2716</v>
      </c>
      <c r="D227" s="5" t="s">
        <v>2504</v>
      </c>
      <c r="E227" s="4" t="s">
        <v>3</v>
      </c>
    </row>
    <row r="228" spans="1:5" ht="23.1" customHeight="1" x14ac:dyDescent="0.2">
      <c r="A228" s="27">
        <v>226</v>
      </c>
      <c r="B228" s="6" t="s">
        <v>1175</v>
      </c>
      <c r="C228" s="5" t="s">
        <v>250</v>
      </c>
      <c r="D228" s="5" t="s">
        <v>535</v>
      </c>
      <c r="E228" s="4" t="s">
        <v>3</v>
      </c>
    </row>
    <row r="229" spans="1:5" ht="23.1" customHeight="1" x14ac:dyDescent="0.2">
      <c r="A229" s="27">
        <v>227</v>
      </c>
      <c r="B229" s="6" t="s">
        <v>1176</v>
      </c>
      <c r="C229" s="5" t="s">
        <v>251</v>
      </c>
      <c r="D229" s="5" t="s">
        <v>536</v>
      </c>
      <c r="E229" s="4" t="s">
        <v>849</v>
      </c>
    </row>
    <row r="230" spans="1:5" ht="23.1" customHeight="1" x14ac:dyDescent="0.2">
      <c r="A230" s="27">
        <v>228</v>
      </c>
      <c r="B230" s="6" t="s">
        <v>1177</v>
      </c>
      <c r="C230" s="5" t="s">
        <v>252</v>
      </c>
      <c r="D230" s="5" t="s">
        <v>537</v>
      </c>
      <c r="E230" s="4" t="s">
        <v>849</v>
      </c>
    </row>
    <row r="231" spans="1:5" ht="23.1" customHeight="1" x14ac:dyDescent="0.2">
      <c r="A231" s="27">
        <v>229</v>
      </c>
      <c r="B231" s="6" t="s">
        <v>1160</v>
      </c>
      <c r="C231" s="5" t="s">
        <v>237</v>
      </c>
      <c r="D231" s="5" t="s">
        <v>1726</v>
      </c>
      <c r="E231" s="4" t="s">
        <v>849</v>
      </c>
    </row>
    <row r="232" spans="1:5" ht="23.1" customHeight="1" x14ac:dyDescent="0.2">
      <c r="A232" s="27">
        <v>230</v>
      </c>
      <c r="B232" s="6" t="s">
        <v>1807</v>
      </c>
      <c r="C232" s="5" t="s">
        <v>1805</v>
      </c>
      <c r="D232" s="5" t="s">
        <v>1806</v>
      </c>
      <c r="E232" s="4" t="s">
        <v>849</v>
      </c>
    </row>
    <row r="233" spans="1:5" ht="23.1" customHeight="1" x14ac:dyDescent="0.2">
      <c r="A233" s="27">
        <v>231</v>
      </c>
      <c r="B233" s="6" t="s">
        <v>1178</v>
      </c>
      <c r="C233" s="5" t="s">
        <v>253</v>
      </c>
      <c r="D233" s="5" t="s">
        <v>540</v>
      </c>
      <c r="E233" s="4" t="s">
        <v>849</v>
      </c>
    </row>
    <row r="234" spans="1:5" ht="23.1" customHeight="1" x14ac:dyDescent="0.2">
      <c r="A234" s="27">
        <v>232</v>
      </c>
      <c r="B234" s="6" t="s">
        <v>2309</v>
      </c>
      <c r="C234" s="5" t="s">
        <v>2308</v>
      </c>
      <c r="D234" s="5" t="s">
        <v>2307</v>
      </c>
      <c r="E234" s="4" t="s">
        <v>3</v>
      </c>
    </row>
    <row r="235" spans="1:5" ht="23.1" customHeight="1" x14ac:dyDescent="0.2">
      <c r="A235" s="27">
        <v>233</v>
      </c>
      <c r="B235" s="6" t="s">
        <v>1179</v>
      </c>
      <c r="C235" s="5" t="s">
        <v>254</v>
      </c>
      <c r="D235" s="5" t="s">
        <v>541</v>
      </c>
      <c r="E235" s="4" t="s">
        <v>849</v>
      </c>
    </row>
    <row r="236" spans="1:5" ht="23.1" customHeight="1" x14ac:dyDescent="0.2">
      <c r="A236" s="27">
        <v>234</v>
      </c>
      <c r="B236" s="6" t="s">
        <v>1180</v>
      </c>
      <c r="C236" s="5" t="s">
        <v>255</v>
      </c>
      <c r="D236" s="5" t="s">
        <v>542</v>
      </c>
      <c r="E236" s="4" t="s">
        <v>849</v>
      </c>
    </row>
    <row r="237" spans="1:5" s="24" customFormat="1" ht="23.1" customHeight="1" x14ac:dyDescent="0.2">
      <c r="A237" s="27">
        <v>235</v>
      </c>
      <c r="B237" s="6" t="s">
        <v>2734</v>
      </c>
      <c r="C237" s="5" t="s">
        <v>2732</v>
      </c>
      <c r="D237" s="5" t="s">
        <v>2733</v>
      </c>
      <c r="E237" s="4" t="s">
        <v>3</v>
      </c>
    </row>
    <row r="238" spans="1:5" ht="23.1" customHeight="1" x14ac:dyDescent="0.2">
      <c r="A238" s="27">
        <v>236</v>
      </c>
      <c r="B238" s="6" t="s">
        <v>1902</v>
      </c>
      <c r="C238" s="5" t="s">
        <v>1900</v>
      </c>
      <c r="D238" s="5" t="s">
        <v>1901</v>
      </c>
      <c r="E238" s="4" t="s">
        <v>849</v>
      </c>
    </row>
    <row r="239" spans="1:5" ht="23.1" customHeight="1" x14ac:dyDescent="0.2">
      <c r="A239" s="27">
        <v>237</v>
      </c>
      <c r="B239" s="6" t="s">
        <v>1527</v>
      </c>
      <c r="C239" s="5" t="s">
        <v>1528</v>
      </c>
      <c r="D239" s="5" t="s">
        <v>1529</v>
      </c>
      <c r="E239" s="4" t="s">
        <v>849</v>
      </c>
    </row>
    <row r="240" spans="1:5" ht="23.1" customHeight="1" x14ac:dyDescent="0.2">
      <c r="A240" s="27">
        <v>238</v>
      </c>
      <c r="B240" s="4" t="s">
        <v>1700</v>
      </c>
      <c r="C240" s="4" t="s">
        <v>1675</v>
      </c>
      <c r="D240" s="4" t="s">
        <v>1704</v>
      </c>
      <c r="E240" s="4" t="s">
        <v>849</v>
      </c>
    </row>
    <row r="241" spans="1:5" ht="23.1" customHeight="1" x14ac:dyDescent="0.2">
      <c r="A241" s="27">
        <v>239</v>
      </c>
      <c r="B241" s="6" t="s">
        <v>1181</v>
      </c>
      <c r="C241" s="5" t="s">
        <v>256</v>
      </c>
      <c r="D241" s="5" t="s">
        <v>544</v>
      </c>
      <c r="E241" s="4" t="s">
        <v>849</v>
      </c>
    </row>
    <row r="242" spans="1:5" ht="23.1" customHeight="1" x14ac:dyDescent="0.2">
      <c r="A242" s="27">
        <v>240</v>
      </c>
      <c r="B242" s="6" t="s">
        <v>1182</v>
      </c>
      <c r="C242" s="5" t="s">
        <v>257</v>
      </c>
      <c r="D242" s="5" t="s">
        <v>543</v>
      </c>
      <c r="E242" s="4" t="s">
        <v>849</v>
      </c>
    </row>
    <row r="243" spans="1:5" ht="23.1" customHeight="1" x14ac:dyDescent="0.2">
      <c r="A243" s="27">
        <v>241</v>
      </c>
      <c r="B243" s="6" t="s">
        <v>2615</v>
      </c>
      <c r="C243" s="5" t="s">
        <v>2616</v>
      </c>
      <c r="D243" s="5" t="s">
        <v>2617</v>
      </c>
      <c r="E243" s="4" t="s">
        <v>3</v>
      </c>
    </row>
    <row r="244" spans="1:5" ht="23.1" customHeight="1" x14ac:dyDescent="0.2">
      <c r="A244" s="27">
        <v>242</v>
      </c>
      <c r="B244" s="6" t="s">
        <v>1184</v>
      </c>
      <c r="C244" s="5" t="s">
        <v>261</v>
      </c>
      <c r="D244" s="5" t="s">
        <v>545</v>
      </c>
      <c r="E244" s="4" t="s">
        <v>849</v>
      </c>
    </row>
    <row r="245" spans="1:5" ht="23.1" customHeight="1" x14ac:dyDescent="0.2">
      <c r="A245" s="27">
        <v>243</v>
      </c>
      <c r="B245" s="6" t="s">
        <v>1185</v>
      </c>
      <c r="C245" s="5" t="s">
        <v>260</v>
      </c>
      <c r="D245" s="5" t="s">
        <v>545</v>
      </c>
      <c r="E245" s="4" t="s">
        <v>849</v>
      </c>
    </row>
    <row r="246" spans="1:5" ht="23.1" customHeight="1" x14ac:dyDescent="0.2">
      <c r="A246" s="27">
        <v>244</v>
      </c>
      <c r="B246" s="6" t="s">
        <v>1186</v>
      </c>
      <c r="C246" s="5" t="s">
        <v>259</v>
      </c>
      <c r="D246" s="5" t="s">
        <v>545</v>
      </c>
      <c r="E246" s="4" t="s">
        <v>849</v>
      </c>
    </row>
    <row r="247" spans="1:5" ht="23.1" customHeight="1" x14ac:dyDescent="0.2">
      <c r="A247" s="27">
        <v>245</v>
      </c>
      <c r="B247" s="6" t="s">
        <v>1187</v>
      </c>
      <c r="C247" s="5" t="s">
        <v>262</v>
      </c>
      <c r="D247" s="5" t="s">
        <v>545</v>
      </c>
      <c r="E247" s="4" t="s">
        <v>849</v>
      </c>
    </row>
    <row r="248" spans="1:5" ht="23.1" customHeight="1" x14ac:dyDescent="0.2">
      <c r="A248" s="27">
        <v>246</v>
      </c>
      <c r="B248" s="6" t="s">
        <v>1183</v>
      </c>
      <c r="C248" s="5" t="s">
        <v>258</v>
      </c>
      <c r="D248" s="5" t="s">
        <v>545</v>
      </c>
      <c r="E248" s="4" t="s">
        <v>849</v>
      </c>
    </row>
    <row r="249" spans="1:5" ht="23.1" customHeight="1" x14ac:dyDescent="0.2">
      <c r="A249" s="27">
        <v>247</v>
      </c>
      <c r="B249" s="6" t="s">
        <v>1188</v>
      </c>
      <c r="C249" s="5" t="s">
        <v>263</v>
      </c>
      <c r="D249" s="5" t="s">
        <v>546</v>
      </c>
      <c r="E249" s="4" t="s">
        <v>849</v>
      </c>
    </row>
    <row r="250" spans="1:5" ht="23.1" customHeight="1" x14ac:dyDescent="0.2">
      <c r="A250" s="27">
        <v>248</v>
      </c>
      <c r="B250" s="6" t="s">
        <v>2799</v>
      </c>
      <c r="C250" s="5" t="s">
        <v>2774</v>
      </c>
      <c r="D250" s="5" t="s">
        <v>2798</v>
      </c>
      <c r="E250" s="4" t="s">
        <v>849</v>
      </c>
    </row>
    <row r="251" spans="1:5" ht="23.1" customHeight="1" x14ac:dyDescent="0.2">
      <c r="A251" s="27">
        <v>249</v>
      </c>
      <c r="B251" s="6" t="s">
        <v>2188</v>
      </c>
      <c r="C251" s="5" t="s">
        <v>264</v>
      </c>
      <c r="D251" s="5" t="s">
        <v>547</v>
      </c>
      <c r="E251" s="4" t="s">
        <v>849</v>
      </c>
    </row>
    <row r="252" spans="1:5" ht="23.1" customHeight="1" x14ac:dyDescent="0.2">
      <c r="A252" s="27">
        <v>250</v>
      </c>
      <c r="B252" s="6" t="s">
        <v>2189</v>
      </c>
      <c r="C252" s="5" t="s">
        <v>2187</v>
      </c>
      <c r="D252" s="5" t="s">
        <v>2186</v>
      </c>
      <c r="E252" s="4" t="s">
        <v>3</v>
      </c>
    </row>
    <row r="253" spans="1:5" ht="23.1" customHeight="1" x14ac:dyDescent="0.2">
      <c r="A253" s="27">
        <v>251</v>
      </c>
      <c r="B253" s="6" t="s">
        <v>2370</v>
      </c>
      <c r="C253" s="5" t="s">
        <v>2369</v>
      </c>
      <c r="D253" s="5" t="s">
        <v>2368</v>
      </c>
      <c r="E253" s="4" t="s">
        <v>3</v>
      </c>
    </row>
    <row r="254" spans="1:5" ht="23.1" customHeight="1" x14ac:dyDescent="0.2">
      <c r="A254" s="27">
        <v>252</v>
      </c>
      <c r="B254" s="6" t="s">
        <v>1833</v>
      </c>
      <c r="C254" s="5" t="s">
        <v>1831</v>
      </c>
      <c r="D254" s="5" t="s">
        <v>1832</v>
      </c>
      <c r="E254" s="4" t="s">
        <v>3</v>
      </c>
    </row>
    <row r="255" spans="1:5" ht="23.1" customHeight="1" x14ac:dyDescent="0.2">
      <c r="A255" s="27">
        <v>253</v>
      </c>
      <c r="B255" s="6" t="s">
        <v>1748</v>
      </c>
      <c r="C255" s="5" t="s">
        <v>1746</v>
      </c>
      <c r="D255" s="5" t="s">
        <v>1747</v>
      </c>
      <c r="E255" s="4" t="s">
        <v>3</v>
      </c>
    </row>
    <row r="256" spans="1:5" ht="23.1" customHeight="1" x14ac:dyDescent="0.2">
      <c r="A256" s="27">
        <v>254</v>
      </c>
      <c r="B256" s="6" t="s">
        <v>2435</v>
      </c>
      <c r="C256" s="5" t="s">
        <v>2434</v>
      </c>
      <c r="D256" s="5" t="s">
        <v>2433</v>
      </c>
      <c r="E256" s="4" t="s">
        <v>3</v>
      </c>
    </row>
    <row r="257" spans="1:5" ht="23.1" customHeight="1" x14ac:dyDescent="0.2">
      <c r="A257" s="27">
        <v>255</v>
      </c>
      <c r="B257" s="6" t="s">
        <v>1743</v>
      </c>
      <c r="C257" s="5" t="s">
        <v>1741</v>
      </c>
      <c r="D257" s="5" t="s">
        <v>1742</v>
      </c>
      <c r="E257" s="4" t="s">
        <v>3</v>
      </c>
    </row>
    <row r="258" spans="1:5" ht="23.1" customHeight="1" x14ac:dyDescent="0.2">
      <c r="A258" s="27">
        <v>256</v>
      </c>
      <c r="B258" s="6" t="s">
        <v>2465</v>
      </c>
      <c r="C258" s="5" t="s">
        <v>2463</v>
      </c>
      <c r="D258" s="5" t="s">
        <v>2464</v>
      </c>
      <c r="E258" s="4" t="s">
        <v>3</v>
      </c>
    </row>
    <row r="259" spans="1:5" ht="23.1" customHeight="1" x14ac:dyDescent="0.2">
      <c r="A259" s="27">
        <v>257</v>
      </c>
      <c r="B259" s="4" t="s">
        <v>1664</v>
      </c>
      <c r="C259" s="4" t="s">
        <v>1671</v>
      </c>
      <c r="D259" s="4" t="s">
        <v>1680</v>
      </c>
      <c r="E259" s="4" t="s">
        <v>3</v>
      </c>
    </row>
    <row r="260" spans="1:5" ht="23.1" customHeight="1" x14ac:dyDescent="0.2">
      <c r="A260" s="27">
        <v>258</v>
      </c>
      <c r="B260" s="6" t="s">
        <v>1237</v>
      </c>
      <c r="C260" s="5" t="s">
        <v>299</v>
      </c>
      <c r="D260" s="5" t="s">
        <v>578</v>
      </c>
      <c r="E260" s="4" t="s">
        <v>849</v>
      </c>
    </row>
    <row r="261" spans="1:5" ht="23.1" customHeight="1" x14ac:dyDescent="0.2">
      <c r="A261" s="27">
        <v>259</v>
      </c>
      <c r="B261" s="6" t="s">
        <v>2686</v>
      </c>
      <c r="C261" s="5" t="s">
        <v>300</v>
      </c>
      <c r="D261" s="5" t="s">
        <v>579</v>
      </c>
      <c r="E261" s="4" t="s">
        <v>849</v>
      </c>
    </row>
    <row r="262" spans="1:5" ht="23.1" customHeight="1" x14ac:dyDescent="0.2">
      <c r="A262" s="27">
        <v>260</v>
      </c>
      <c r="B262" s="6" t="s">
        <v>2687</v>
      </c>
      <c r="C262" s="5" t="s">
        <v>2684</v>
      </c>
      <c r="D262" s="5" t="s">
        <v>2685</v>
      </c>
      <c r="E262" s="4" t="s">
        <v>849</v>
      </c>
    </row>
    <row r="263" spans="1:5" ht="23.1" customHeight="1" x14ac:dyDescent="0.2">
      <c r="A263" s="27">
        <v>261</v>
      </c>
      <c r="B263" s="6" t="s">
        <v>1238</v>
      </c>
      <c r="C263" s="5" t="s">
        <v>1239</v>
      </c>
      <c r="D263" s="5" t="s">
        <v>1240</v>
      </c>
      <c r="E263" s="4" t="s">
        <v>849</v>
      </c>
    </row>
    <row r="264" spans="1:5" ht="23.1" customHeight="1" x14ac:dyDescent="0.2">
      <c r="A264" s="27">
        <v>262</v>
      </c>
      <c r="B264" s="6" t="s">
        <v>1241</v>
      </c>
      <c r="C264" s="5" t="s">
        <v>1242</v>
      </c>
      <c r="D264" s="5" t="s">
        <v>1243</v>
      </c>
      <c r="E264" s="4" t="s">
        <v>3</v>
      </c>
    </row>
    <row r="265" spans="1:5" ht="23.1" customHeight="1" x14ac:dyDescent="0.2">
      <c r="A265" s="27">
        <v>263</v>
      </c>
      <c r="B265" s="6" t="s">
        <v>1244</v>
      </c>
      <c r="C265" s="9" t="s">
        <v>301</v>
      </c>
      <c r="D265" s="9" t="s">
        <v>580</v>
      </c>
      <c r="E265" s="4" t="s">
        <v>849</v>
      </c>
    </row>
    <row r="266" spans="1:5" ht="23.1" customHeight="1" x14ac:dyDescent="0.2">
      <c r="A266" s="27">
        <v>264</v>
      </c>
      <c r="B266" s="6" t="s">
        <v>1245</v>
      </c>
      <c r="C266" s="5" t="s">
        <v>302</v>
      </c>
      <c r="D266" s="5" t="s">
        <v>581</v>
      </c>
      <c r="E266" s="4" t="s">
        <v>849</v>
      </c>
    </row>
    <row r="267" spans="1:5" ht="23.1" customHeight="1" x14ac:dyDescent="0.2">
      <c r="A267" s="27">
        <v>265</v>
      </c>
      <c r="B267" s="6" t="s">
        <v>1246</v>
      </c>
      <c r="C267" s="5" t="s">
        <v>303</v>
      </c>
      <c r="D267" s="5" t="s">
        <v>582</v>
      </c>
      <c r="E267" s="4" t="s">
        <v>849</v>
      </c>
    </row>
    <row r="268" spans="1:5" ht="23.1" customHeight="1" x14ac:dyDescent="0.2">
      <c r="A268" s="27">
        <v>266</v>
      </c>
      <c r="B268" s="6" t="s">
        <v>1247</v>
      </c>
      <c r="C268" s="5" t="s">
        <v>304</v>
      </c>
      <c r="D268" s="5" t="s">
        <v>583</v>
      </c>
      <c r="E268" s="4" t="s">
        <v>849</v>
      </c>
    </row>
    <row r="269" spans="1:5" ht="23.1" customHeight="1" x14ac:dyDescent="0.2">
      <c r="A269" s="27">
        <v>267</v>
      </c>
      <c r="B269" s="6" t="s">
        <v>1997</v>
      </c>
      <c r="C269" s="5" t="s">
        <v>1995</v>
      </c>
      <c r="D269" s="5" t="s">
        <v>1996</v>
      </c>
      <c r="E269" s="4" t="s">
        <v>849</v>
      </c>
    </row>
    <row r="270" spans="1:5" ht="23.1" customHeight="1" x14ac:dyDescent="0.2">
      <c r="A270" s="27">
        <v>268</v>
      </c>
      <c r="B270" s="26" t="s">
        <v>2935</v>
      </c>
      <c r="C270" s="1" t="s">
        <v>2934</v>
      </c>
      <c r="D270" s="1" t="s">
        <v>2933</v>
      </c>
      <c r="E270" s="2" t="s">
        <v>3</v>
      </c>
    </row>
    <row r="271" spans="1:5" ht="23.1" customHeight="1" x14ac:dyDescent="0.2">
      <c r="A271" s="27">
        <v>269</v>
      </c>
      <c r="B271" s="26" t="s">
        <v>1777</v>
      </c>
      <c r="C271" s="1" t="s">
        <v>1775</v>
      </c>
      <c r="D271" s="1" t="s">
        <v>1776</v>
      </c>
      <c r="E271" s="2" t="s">
        <v>849</v>
      </c>
    </row>
    <row r="272" spans="1:5" ht="23.1" customHeight="1" x14ac:dyDescent="0.2">
      <c r="A272" s="27">
        <v>270</v>
      </c>
      <c r="B272" s="26" t="s">
        <v>1248</v>
      </c>
      <c r="C272" s="1" t="s">
        <v>305</v>
      </c>
      <c r="D272" s="1" t="s">
        <v>584</v>
      </c>
      <c r="E272" s="2" t="s">
        <v>849</v>
      </c>
    </row>
    <row r="273" spans="1:5" ht="23.1" customHeight="1" x14ac:dyDescent="0.2">
      <c r="A273" s="27">
        <v>271</v>
      </c>
      <c r="B273" s="26" t="s">
        <v>1249</v>
      </c>
      <c r="C273" s="1" t="s">
        <v>306</v>
      </c>
      <c r="D273" s="1" t="s">
        <v>585</v>
      </c>
      <c r="E273" s="2" t="s">
        <v>849</v>
      </c>
    </row>
    <row r="274" spans="1:5" ht="23.1" customHeight="1" x14ac:dyDescent="0.2">
      <c r="A274" s="27">
        <v>272</v>
      </c>
      <c r="B274" s="26" t="s">
        <v>2318</v>
      </c>
      <c r="C274" s="1" t="s">
        <v>2317</v>
      </c>
      <c r="D274" s="1" t="s">
        <v>2316</v>
      </c>
      <c r="E274" s="2" t="s">
        <v>3</v>
      </c>
    </row>
    <row r="275" spans="1:5" ht="23.1" customHeight="1" x14ac:dyDescent="0.2">
      <c r="A275" s="27">
        <v>273</v>
      </c>
      <c r="B275" s="26" t="s">
        <v>2941</v>
      </c>
      <c r="C275" s="1" t="s">
        <v>2940</v>
      </c>
      <c r="D275" s="1" t="s">
        <v>2939</v>
      </c>
      <c r="E275" s="2" t="s">
        <v>3</v>
      </c>
    </row>
    <row r="276" spans="1:5" ht="23.1" customHeight="1" x14ac:dyDescent="0.2">
      <c r="A276" s="27">
        <v>274</v>
      </c>
      <c r="B276" s="6" t="s">
        <v>1250</v>
      </c>
      <c r="C276" s="5" t="s">
        <v>307</v>
      </c>
      <c r="D276" s="5" t="s">
        <v>586</v>
      </c>
      <c r="E276" s="4" t="s">
        <v>3</v>
      </c>
    </row>
    <row r="277" spans="1:5" ht="23.1" customHeight="1" x14ac:dyDescent="0.2">
      <c r="A277" s="27">
        <v>275</v>
      </c>
      <c r="B277" s="6" t="s">
        <v>1251</v>
      </c>
      <c r="C277" s="5" t="s">
        <v>2343</v>
      </c>
      <c r="D277" s="5" t="s">
        <v>587</v>
      </c>
      <c r="E277" s="4" t="s">
        <v>849</v>
      </c>
    </row>
    <row r="278" spans="1:5" ht="23.1" customHeight="1" x14ac:dyDescent="0.2">
      <c r="A278" s="27">
        <v>276</v>
      </c>
      <c r="B278" s="6" t="s">
        <v>1252</v>
      </c>
      <c r="C278" s="5" t="s">
        <v>308</v>
      </c>
      <c r="D278" s="5" t="s">
        <v>588</v>
      </c>
      <c r="E278" s="4" t="s">
        <v>849</v>
      </c>
    </row>
    <row r="279" spans="1:5" ht="23.1" customHeight="1" x14ac:dyDescent="0.2">
      <c r="A279" s="27">
        <v>277</v>
      </c>
      <c r="B279" s="6" t="s">
        <v>1253</v>
      </c>
      <c r="C279" s="5" t="s">
        <v>1254</v>
      </c>
      <c r="D279" s="5" t="s">
        <v>1255</v>
      </c>
      <c r="E279" s="4" t="s">
        <v>3</v>
      </c>
    </row>
    <row r="280" spans="1:5" ht="23.1" customHeight="1" x14ac:dyDescent="0.2">
      <c r="A280" s="27">
        <v>278</v>
      </c>
      <c r="B280" s="6" t="s">
        <v>1534</v>
      </c>
      <c r="C280" s="5" t="s">
        <v>1535</v>
      </c>
      <c r="D280" s="5" t="s">
        <v>1536</v>
      </c>
      <c r="E280" s="4" t="s">
        <v>3</v>
      </c>
    </row>
    <row r="281" spans="1:5" ht="23.1" customHeight="1" x14ac:dyDescent="0.2">
      <c r="A281" s="27">
        <v>279</v>
      </c>
      <c r="B281" s="6" t="s">
        <v>2304</v>
      </c>
      <c r="C281" s="5" t="s">
        <v>2302</v>
      </c>
      <c r="D281" s="5" t="s">
        <v>2300</v>
      </c>
      <c r="E281" s="4" t="s">
        <v>3</v>
      </c>
    </row>
    <row r="282" spans="1:5" ht="23.1" customHeight="1" x14ac:dyDescent="0.2">
      <c r="A282" s="27">
        <v>280</v>
      </c>
      <c r="B282" s="6" t="s">
        <v>2305</v>
      </c>
      <c r="C282" s="5" t="s">
        <v>2303</v>
      </c>
      <c r="D282" s="5" t="s">
        <v>2301</v>
      </c>
      <c r="E282" s="4" t="s">
        <v>3</v>
      </c>
    </row>
    <row r="283" spans="1:5" ht="23.1" customHeight="1" x14ac:dyDescent="0.2">
      <c r="A283" s="27">
        <v>281</v>
      </c>
      <c r="B283" s="6" t="s">
        <v>1256</v>
      </c>
      <c r="C283" s="5" t="s">
        <v>2068</v>
      </c>
      <c r="D283" s="5" t="s">
        <v>589</v>
      </c>
      <c r="E283" s="4" t="s">
        <v>849</v>
      </c>
    </row>
    <row r="284" spans="1:5" ht="23.1" customHeight="1" x14ac:dyDescent="0.2">
      <c r="A284" s="27">
        <v>282</v>
      </c>
      <c r="B284" s="6" t="s">
        <v>1257</v>
      </c>
      <c r="C284" s="5" t="s">
        <v>309</v>
      </c>
      <c r="D284" s="5" t="s">
        <v>590</v>
      </c>
      <c r="E284" s="4" t="s">
        <v>3</v>
      </c>
    </row>
    <row r="285" spans="1:5" ht="23.1" customHeight="1" x14ac:dyDescent="0.2">
      <c r="A285" s="27">
        <v>283</v>
      </c>
      <c r="B285" s="6" t="s">
        <v>2449</v>
      </c>
      <c r="C285" s="5" t="s">
        <v>310</v>
      </c>
      <c r="D285" s="5" t="s">
        <v>2105</v>
      </c>
      <c r="E285" s="4" t="s">
        <v>849</v>
      </c>
    </row>
    <row r="286" spans="1:5" ht="23.1" customHeight="1" x14ac:dyDescent="0.2">
      <c r="A286" s="27">
        <v>284</v>
      </c>
      <c r="B286" s="6" t="s">
        <v>2837</v>
      </c>
      <c r="C286" s="5" t="s">
        <v>2835</v>
      </c>
      <c r="D286" s="5" t="s">
        <v>2836</v>
      </c>
      <c r="E286" s="4" t="s">
        <v>3</v>
      </c>
    </row>
    <row r="287" spans="1:5" ht="23.1" customHeight="1" x14ac:dyDescent="0.2">
      <c r="A287" s="27">
        <v>285</v>
      </c>
      <c r="B287" s="6" t="s">
        <v>2567</v>
      </c>
      <c r="C287" s="5" t="s">
        <v>2566</v>
      </c>
      <c r="D287" s="5" t="s">
        <v>2565</v>
      </c>
      <c r="E287" s="4" t="s">
        <v>3</v>
      </c>
    </row>
    <row r="288" spans="1:5" ht="23.1" customHeight="1" x14ac:dyDescent="0.2">
      <c r="A288" s="27">
        <v>286</v>
      </c>
      <c r="B288" s="6" t="s">
        <v>2450</v>
      </c>
      <c r="C288" s="5" t="s">
        <v>2448</v>
      </c>
      <c r="D288" s="5" t="s">
        <v>2561</v>
      </c>
      <c r="E288" s="4" t="s">
        <v>849</v>
      </c>
    </row>
    <row r="289" spans="1:5" ht="23.1" customHeight="1" x14ac:dyDescent="0.2">
      <c r="A289" s="27">
        <v>287</v>
      </c>
      <c r="B289" s="6" t="s">
        <v>2564</v>
      </c>
      <c r="C289" s="5" t="s">
        <v>2562</v>
      </c>
      <c r="D289" s="5" t="s">
        <v>2563</v>
      </c>
      <c r="E289" s="4" t="s">
        <v>3</v>
      </c>
    </row>
    <row r="290" spans="1:5" ht="23.1" customHeight="1" x14ac:dyDescent="0.2">
      <c r="A290" s="27">
        <v>288</v>
      </c>
      <c r="B290" s="6" t="s">
        <v>1258</v>
      </c>
      <c r="C290" s="5" t="s">
        <v>1259</v>
      </c>
      <c r="D290" s="5" t="s">
        <v>1260</v>
      </c>
      <c r="E290" s="4" t="s">
        <v>849</v>
      </c>
    </row>
    <row r="291" spans="1:5" ht="23.1" customHeight="1" x14ac:dyDescent="0.2">
      <c r="A291" s="27">
        <v>289</v>
      </c>
      <c r="B291" s="6" t="s">
        <v>1261</v>
      </c>
      <c r="C291" s="5" t="s">
        <v>311</v>
      </c>
      <c r="D291" s="5" t="s">
        <v>591</v>
      </c>
      <c r="E291" s="4" t="s">
        <v>849</v>
      </c>
    </row>
    <row r="292" spans="1:5" ht="23.1" customHeight="1" x14ac:dyDescent="0.2">
      <c r="A292" s="27">
        <v>290</v>
      </c>
      <c r="B292" s="6" t="s">
        <v>2902</v>
      </c>
      <c r="C292" s="5" t="s">
        <v>2901</v>
      </c>
      <c r="D292" s="5" t="s">
        <v>2900</v>
      </c>
      <c r="E292" s="4" t="s">
        <v>3</v>
      </c>
    </row>
    <row r="293" spans="1:5" ht="23.1" customHeight="1" x14ac:dyDescent="0.2">
      <c r="A293" s="27">
        <v>291</v>
      </c>
      <c r="B293" s="6" t="s">
        <v>1262</v>
      </c>
      <c r="C293" s="5" t="s">
        <v>312</v>
      </c>
      <c r="D293" s="5" t="s">
        <v>592</v>
      </c>
      <c r="E293" s="4" t="s">
        <v>849</v>
      </c>
    </row>
    <row r="294" spans="1:5" ht="23.1" customHeight="1" x14ac:dyDescent="0.2">
      <c r="A294" s="27">
        <v>292</v>
      </c>
      <c r="B294" s="6" t="s">
        <v>1263</v>
      </c>
      <c r="C294" s="5" t="s">
        <v>313</v>
      </c>
      <c r="D294" s="5" t="s">
        <v>593</v>
      </c>
      <c r="E294" s="4" t="s">
        <v>3</v>
      </c>
    </row>
    <row r="295" spans="1:5" ht="23.1" customHeight="1" x14ac:dyDescent="0.2">
      <c r="A295" s="27">
        <v>293</v>
      </c>
      <c r="B295" s="6" t="s">
        <v>1264</v>
      </c>
      <c r="C295" s="5" t="s">
        <v>314</v>
      </c>
      <c r="D295" s="5" t="s">
        <v>594</v>
      </c>
      <c r="E295" s="4" t="s">
        <v>849</v>
      </c>
    </row>
    <row r="296" spans="1:5" ht="23.1" customHeight="1" x14ac:dyDescent="0.2">
      <c r="A296" s="27">
        <v>294</v>
      </c>
      <c r="B296" s="26" t="s">
        <v>2996</v>
      </c>
      <c r="C296" s="1" t="s">
        <v>2995</v>
      </c>
      <c r="D296" s="1" t="s">
        <v>2994</v>
      </c>
      <c r="E296" s="2" t="s">
        <v>849</v>
      </c>
    </row>
    <row r="297" spans="1:5" ht="23.1" customHeight="1" x14ac:dyDescent="0.2">
      <c r="A297" s="27">
        <v>295</v>
      </c>
      <c r="B297" s="6" t="s">
        <v>2446</v>
      </c>
      <c r="C297" s="5" t="s">
        <v>315</v>
      </c>
      <c r="D297" s="5" t="s">
        <v>2445</v>
      </c>
      <c r="E297" s="4" t="s">
        <v>849</v>
      </c>
    </row>
    <row r="298" spans="1:5" ht="23.1" customHeight="1" x14ac:dyDescent="0.2">
      <c r="A298" s="27">
        <v>296</v>
      </c>
      <c r="B298" s="6" t="s">
        <v>2447</v>
      </c>
      <c r="C298" s="5" t="s">
        <v>2775</v>
      </c>
      <c r="D298" s="5" t="s">
        <v>2445</v>
      </c>
      <c r="E298" s="4" t="s">
        <v>849</v>
      </c>
    </row>
    <row r="299" spans="1:5" ht="23.1" customHeight="1" x14ac:dyDescent="0.2">
      <c r="A299" s="27">
        <v>297</v>
      </c>
      <c r="B299" s="6" t="s">
        <v>1265</v>
      </c>
      <c r="C299" s="5" t="s">
        <v>316</v>
      </c>
      <c r="D299" s="5" t="s">
        <v>595</v>
      </c>
      <c r="E299" s="4" t="s">
        <v>849</v>
      </c>
    </row>
    <row r="300" spans="1:5" ht="23.1" customHeight="1" x14ac:dyDescent="0.2">
      <c r="A300" s="27">
        <v>298</v>
      </c>
      <c r="B300" s="6" t="s">
        <v>1266</v>
      </c>
      <c r="C300" s="5" t="s">
        <v>317</v>
      </c>
      <c r="D300" s="5" t="s">
        <v>596</v>
      </c>
      <c r="E300" s="4" t="s">
        <v>849</v>
      </c>
    </row>
    <row r="301" spans="1:5" ht="23.1" customHeight="1" x14ac:dyDescent="0.2">
      <c r="A301" s="27">
        <v>299</v>
      </c>
      <c r="B301" s="6" t="s">
        <v>1268</v>
      </c>
      <c r="C301" s="5" t="s">
        <v>318</v>
      </c>
      <c r="D301" s="5" t="s">
        <v>597</v>
      </c>
      <c r="E301" s="4" t="s">
        <v>849</v>
      </c>
    </row>
    <row r="302" spans="1:5" ht="23.1" customHeight="1" x14ac:dyDescent="0.2">
      <c r="A302" s="27">
        <v>300</v>
      </c>
      <c r="B302" s="6" t="s">
        <v>1269</v>
      </c>
      <c r="C302" s="5" t="s">
        <v>320</v>
      </c>
      <c r="D302" s="5" t="s">
        <v>598</v>
      </c>
      <c r="E302" s="4" t="s">
        <v>849</v>
      </c>
    </row>
    <row r="303" spans="1:5" ht="23.1" customHeight="1" x14ac:dyDescent="0.2">
      <c r="A303" s="27">
        <v>301</v>
      </c>
      <c r="B303" s="6" t="s">
        <v>1267</v>
      </c>
      <c r="C303" s="5" t="s">
        <v>319</v>
      </c>
      <c r="D303" s="5" t="s">
        <v>597</v>
      </c>
      <c r="E303" s="4" t="s">
        <v>849</v>
      </c>
    </row>
    <row r="304" spans="1:5" s="24" customFormat="1" ht="23.1" customHeight="1" x14ac:dyDescent="0.2">
      <c r="A304" s="27">
        <v>302</v>
      </c>
      <c r="B304" s="6" t="s">
        <v>1270</v>
      </c>
      <c r="C304" s="5" t="s">
        <v>321</v>
      </c>
      <c r="D304" s="5" t="s">
        <v>599</v>
      </c>
      <c r="E304" s="4" t="s">
        <v>849</v>
      </c>
    </row>
    <row r="305" spans="1:5" ht="23.1" customHeight="1" x14ac:dyDescent="0.2">
      <c r="A305" s="27">
        <v>303</v>
      </c>
      <c r="B305" s="6" t="s">
        <v>1917</v>
      </c>
      <c r="C305" s="5" t="s">
        <v>1915</v>
      </c>
      <c r="D305" s="5" t="s">
        <v>1916</v>
      </c>
      <c r="E305" s="4" t="s">
        <v>849</v>
      </c>
    </row>
    <row r="306" spans="1:5" ht="23.1" customHeight="1" x14ac:dyDescent="0.2">
      <c r="A306" s="27">
        <v>304</v>
      </c>
      <c r="B306" s="6" t="s">
        <v>2761</v>
      </c>
      <c r="C306" s="5" t="s">
        <v>2759</v>
      </c>
      <c r="D306" s="5" t="s">
        <v>2760</v>
      </c>
      <c r="E306" s="4" t="s">
        <v>849</v>
      </c>
    </row>
    <row r="307" spans="1:5" ht="23.1" customHeight="1" x14ac:dyDescent="0.2">
      <c r="A307" s="27">
        <v>305</v>
      </c>
      <c r="B307" s="6" t="s">
        <v>2469</v>
      </c>
      <c r="C307" s="5" t="s">
        <v>322</v>
      </c>
      <c r="D307" s="5" t="s">
        <v>2466</v>
      </c>
      <c r="E307" s="4" t="s">
        <v>849</v>
      </c>
    </row>
    <row r="308" spans="1:5" ht="23.1" customHeight="1" x14ac:dyDescent="0.2">
      <c r="A308" s="27">
        <v>306</v>
      </c>
      <c r="B308" s="6" t="s">
        <v>2470</v>
      </c>
      <c r="C308" s="5" t="s">
        <v>2468</v>
      </c>
      <c r="D308" s="5" t="s">
        <v>2467</v>
      </c>
      <c r="E308" s="4" t="s">
        <v>849</v>
      </c>
    </row>
    <row r="309" spans="1:5" ht="23.1" customHeight="1" x14ac:dyDescent="0.2">
      <c r="A309" s="27">
        <v>307</v>
      </c>
      <c r="B309" s="6" t="s">
        <v>2875</v>
      </c>
      <c r="C309" s="5" t="s">
        <v>2874</v>
      </c>
      <c r="D309" s="5" t="s">
        <v>2873</v>
      </c>
      <c r="E309" s="4" t="s">
        <v>3</v>
      </c>
    </row>
    <row r="310" spans="1:5" ht="23.1" customHeight="1" x14ac:dyDescent="0.2">
      <c r="A310" s="27">
        <v>308</v>
      </c>
      <c r="B310" s="4" t="s">
        <v>1730</v>
      </c>
      <c r="C310" s="4" t="s">
        <v>1734</v>
      </c>
      <c r="D310" s="4" t="s">
        <v>1738</v>
      </c>
      <c r="E310" s="4" t="s">
        <v>849</v>
      </c>
    </row>
    <row r="311" spans="1:5" ht="23.1" customHeight="1" x14ac:dyDescent="0.2">
      <c r="A311" s="27">
        <v>309</v>
      </c>
      <c r="B311" s="4" t="s">
        <v>1856</v>
      </c>
      <c r="C311" s="4" t="s">
        <v>1854</v>
      </c>
      <c r="D311" s="4" t="s">
        <v>1855</v>
      </c>
      <c r="E311" s="4" t="s">
        <v>849</v>
      </c>
    </row>
    <row r="312" spans="1:5" ht="23.1" customHeight="1" x14ac:dyDescent="0.2">
      <c r="A312" s="27">
        <v>310</v>
      </c>
      <c r="B312" s="6" t="s">
        <v>1271</v>
      </c>
      <c r="C312" s="5" t="s">
        <v>323</v>
      </c>
      <c r="D312" s="5" t="s">
        <v>600</v>
      </c>
      <c r="E312" s="4" t="s">
        <v>849</v>
      </c>
    </row>
    <row r="313" spans="1:5" ht="23.1" customHeight="1" x14ac:dyDescent="0.2">
      <c r="A313" s="27">
        <v>311</v>
      </c>
      <c r="B313" s="6" t="s">
        <v>1577</v>
      </c>
      <c r="C313" s="5" t="s">
        <v>1578</v>
      </c>
      <c r="D313" s="5" t="s">
        <v>1579</v>
      </c>
      <c r="E313" s="4" t="s">
        <v>849</v>
      </c>
    </row>
    <row r="314" spans="1:5" s="24" customFormat="1" ht="23.1" customHeight="1" x14ac:dyDescent="0.2">
      <c r="A314" s="27">
        <v>312</v>
      </c>
      <c r="B314" s="6" t="s">
        <v>1272</v>
      </c>
      <c r="C314" s="5" t="s">
        <v>324</v>
      </c>
      <c r="D314" s="5" t="s">
        <v>601</v>
      </c>
      <c r="E314" s="4" t="s">
        <v>3</v>
      </c>
    </row>
    <row r="315" spans="1:5" ht="23.1" customHeight="1" x14ac:dyDescent="0.2">
      <c r="A315" s="27">
        <v>313</v>
      </c>
      <c r="B315" s="6" t="s">
        <v>1537</v>
      </c>
      <c r="C315" s="5" t="s">
        <v>1472</v>
      </c>
      <c r="D315" s="5" t="s">
        <v>1538</v>
      </c>
      <c r="E315" s="4" t="s">
        <v>3</v>
      </c>
    </row>
    <row r="316" spans="1:5" ht="23.1" customHeight="1" x14ac:dyDescent="0.2">
      <c r="A316" s="27">
        <v>314</v>
      </c>
      <c r="B316" s="6" t="s">
        <v>1273</v>
      </c>
      <c r="C316" s="5" t="s">
        <v>325</v>
      </c>
      <c r="D316" s="5" t="s">
        <v>602</v>
      </c>
      <c r="E316" s="4" t="s">
        <v>849</v>
      </c>
    </row>
    <row r="317" spans="1:5" ht="23.1" customHeight="1" x14ac:dyDescent="0.2">
      <c r="A317" s="27">
        <v>315</v>
      </c>
      <c r="B317" s="6" t="s">
        <v>1275</v>
      </c>
      <c r="C317" s="5" t="s">
        <v>326</v>
      </c>
      <c r="D317" s="5" t="s">
        <v>603</v>
      </c>
      <c r="E317" s="4" t="s">
        <v>849</v>
      </c>
    </row>
    <row r="318" spans="1:5" ht="23.1" customHeight="1" x14ac:dyDescent="0.2">
      <c r="A318" s="27">
        <v>316</v>
      </c>
      <c r="B318" s="6" t="s">
        <v>1276</v>
      </c>
      <c r="C318" s="5" t="s">
        <v>328</v>
      </c>
      <c r="D318" s="5" t="s">
        <v>603</v>
      </c>
      <c r="E318" s="4" t="s">
        <v>849</v>
      </c>
    </row>
    <row r="319" spans="1:5" ht="23.1" customHeight="1" x14ac:dyDescent="0.2">
      <c r="A319" s="27">
        <v>317</v>
      </c>
      <c r="B319" s="6" t="s">
        <v>1277</v>
      </c>
      <c r="C319" s="5" t="s">
        <v>329</v>
      </c>
      <c r="D319" s="5" t="s">
        <v>603</v>
      </c>
      <c r="E319" s="4" t="s">
        <v>849</v>
      </c>
    </row>
    <row r="320" spans="1:5" ht="24" customHeight="1" x14ac:dyDescent="0.2">
      <c r="A320" s="27">
        <v>318</v>
      </c>
      <c r="B320" s="6" t="s">
        <v>1278</v>
      </c>
      <c r="C320" s="5" t="s">
        <v>330</v>
      </c>
      <c r="D320" s="5" t="s">
        <v>604</v>
      </c>
      <c r="E320" s="4" t="s">
        <v>849</v>
      </c>
    </row>
    <row r="321" spans="1:5" ht="24" customHeight="1" x14ac:dyDescent="0.2">
      <c r="A321" s="27">
        <v>319</v>
      </c>
      <c r="B321" s="6" t="s">
        <v>1274</v>
      </c>
      <c r="C321" s="5" t="s">
        <v>327</v>
      </c>
      <c r="D321" s="5" t="s">
        <v>603</v>
      </c>
      <c r="E321" s="4" t="s">
        <v>849</v>
      </c>
    </row>
    <row r="322" spans="1:5" ht="24" customHeight="1" x14ac:dyDescent="0.2">
      <c r="A322" s="27">
        <v>320</v>
      </c>
      <c r="B322" s="6" t="s">
        <v>1279</v>
      </c>
      <c r="C322" s="5" t="s">
        <v>331</v>
      </c>
      <c r="D322" s="5" t="s">
        <v>605</v>
      </c>
      <c r="E322" s="4" t="s">
        <v>849</v>
      </c>
    </row>
    <row r="323" spans="1:5" ht="21.6" customHeight="1" x14ac:dyDescent="0.2">
      <c r="A323" s="27">
        <v>321</v>
      </c>
      <c r="B323" s="6" t="s">
        <v>1280</v>
      </c>
      <c r="C323" s="5" t="s">
        <v>332</v>
      </c>
      <c r="D323" s="5" t="s">
        <v>606</v>
      </c>
      <c r="E323" s="4" t="s">
        <v>849</v>
      </c>
    </row>
    <row r="324" spans="1:5" ht="21.6" customHeight="1" x14ac:dyDescent="0.2">
      <c r="A324" s="27">
        <v>322</v>
      </c>
      <c r="B324" s="6" t="s">
        <v>1804</v>
      </c>
      <c r="C324" s="5" t="s">
        <v>1802</v>
      </c>
      <c r="D324" s="5" t="s">
        <v>1803</v>
      </c>
      <c r="E324" s="4" t="s">
        <v>3</v>
      </c>
    </row>
    <row r="325" spans="1:5" ht="21.6" customHeight="1" x14ac:dyDescent="0.2">
      <c r="A325" s="27">
        <v>323</v>
      </c>
      <c r="B325" s="6" t="s">
        <v>1991</v>
      </c>
      <c r="C325" s="5" t="s">
        <v>1989</v>
      </c>
      <c r="D325" s="5" t="s">
        <v>1990</v>
      </c>
      <c r="E325" s="4" t="s">
        <v>3</v>
      </c>
    </row>
    <row r="326" spans="1:5" ht="23.1" customHeight="1" x14ac:dyDescent="0.2">
      <c r="A326" s="27">
        <v>324</v>
      </c>
      <c r="B326" s="6" t="s">
        <v>1281</v>
      </c>
      <c r="C326" s="5" t="s">
        <v>333</v>
      </c>
      <c r="D326" s="5" t="s">
        <v>607</v>
      </c>
      <c r="E326" s="4" t="s">
        <v>849</v>
      </c>
    </row>
    <row r="327" spans="1:5" ht="23.1" customHeight="1" x14ac:dyDescent="0.2">
      <c r="A327" s="27">
        <v>325</v>
      </c>
      <c r="B327" s="6" t="s">
        <v>1282</v>
      </c>
      <c r="C327" s="5" t="s">
        <v>1283</v>
      </c>
      <c r="D327" s="5" t="s">
        <v>1284</v>
      </c>
      <c r="E327" s="4" t="s">
        <v>849</v>
      </c>
    </row>
    <row r="328" spans="1:5" ht="23.1" customHeight="1" x14ac:dyDescent="0.2">
      <c r="A328" s="27">
        <v>326</v>
      </c>
      <c r="B328" s="6" t="s">
        <v>1285</v>
      </c>
      <c r="C328" s="5" t="s">
        <v>334</v>
      </c>
      <c r="D328" s="5" t="s">
        <v>608</v>
      </c>
      <c r="E328" s="4" t="s">
        <v>849</v>
      </c>
    </row>
    <row r="329" spans="1:5" s="24" customFormat="1" ht="23.1" customHeight="1" x14ac:dyDescent="0.2">
      <c r="A329" s="27">
        <v>327</v>
      </c>
      <c r="B329" s="6" t="s">
        <v>1899</v>
      </c>
      <c r="C329" s="5" t="s">
        <v>1897</v>
      </c>
      <c r="D329" s="5" t="s">
        <v>1898</v>
      </c>
      <c r="E329" s="4" t="s">
        <v>3</v>
      </c>
    </row>
    <row r="330" spans="1:5" ht="22.8" customHeight="1" x14ac:dyDescent="0.2">
      <c r="A330" s="27">
        <v>328</v>
      </c>
      <c r="B330" s="6" t="s">
        <v>2237</v>
      </c>
      <c r="C330" s="5" t="s">
        <v>2236</v>
      </c>
      <c r="D330" s="5" t="s">
        <v>2235</v>
      </c>
      <c r="E330" s="4" t="s">
        <v>3</v>
      </c>
    </row>
    <row r="331" spans="1:5" ht="37.799999999999997" customHeight="1" x14ac:dyDescent="0.2">
      <c r="A331" s="27">
        <v>329</v>
      </c>
      <c r="B331" s="6" t="s">
        <v>1951</v>
      </c>
      <c r="C331" s="10" t="s">
        <v>1949</v>
      </c>
      <c r="D331" s="5" t="s">
        <v>1950</v>
      </c>
      <c r="E331" s="4" t="s">
        <v>3</v>
      </c>
    </row>
    <row r="332" spans="1:5" ht="37.799999999999997" customHeight="1" x14ac:dyDescent="0.2">
      <c r="A332" s="27">
        <v>330</v>
      </c>
      <c r="B332" s="6" t="s">
        <v>1953</v>
      </c>
      <c r="C332" s="10" t="s">
        <v>1952</v>
      </c>
      <c r="D332" s="5" t="s">
        <v>1950</v>
      </c>
      <c r="E332" s="4" t="s">
        <v>3</v>
      </c>
    </row>
    <row r="333" spans="1:5" ht="23.1" customHeight="1" x14ac:dyDescent="0.2">
      <c r="A333" s="27">
        <v>331</v>
      </c>
      <c r="B333" s="6" t="s">
        <v>2226</v>
      </c>
      <c r="C333" s="5" t="s">
        <v>335</v>
      </c>
      <c r="D333" s="5" t="s">
        <v>2223</v>
      </c>
      <c r="E333" s="4" t="s">
        <v>3</v>
      </c>
    </row>
    <row r="334" spans="1:5" ht="23.1" customHeight="1" x14ac:dyDescent="0.2">
      <c r="A334" s="27">
        <v>332</v>
      </c>
      <c r="B334" s="26" t="s">
        <v>2968</v>
      </c>
      <c r="C334" s="1" t="s">
        <v>2967</v>
      </c>
      <c r="D334" s="1" t="s">
        <v>2966</v>
      </c>
      <c r="E334" s="2" t="s">
        <v>3</v>
      </c>
    </row>
    <row r="335" spans="1:5" ht="23.1" customHeight="1" x14ac:dyDescent="0.2">
      <c r="A335" s="27">
        <v>333</v>
      </c>
      <c r="B335" s="6" t="s">
        <v>2227</v>
      </c>
      <c r="C335" s="5" t="s">
        <v>2225</v>
      </c>
      <c r="D335" s="5" t="s">
        <v>2224</v>
      </c>
      <c r="E335" s="4" t="s">
        <v>3</v>
      </c>
    </row>
    <row r="336" spans="1:5" ht="23.1" customHeight="1" x14ac:dyDescent="0.2">
      <c r="A336" s="27">
        <v>334</v>
      </c>
      <c r="B336" s="6" t="s">
        <v>2690</v>
      </c>
      <c r="C336" s="5" t="s">
        <v>336</v>
      </c>
      <c r="D336" s="5" t="s">
        <v>609</v>
      </c>
      <c r="E336" s="4" t="s">
        <v>849</v>
      </c>
    </row>
    <row r="337" spans="1:5" ht="23.1" customHeight="1" x14ac:dyDescent="0.2">
      <c r="A337" s="27">
        <v>335</v>
      </c>
      <c r="B337" s="6" t="s">
        <v>2691</v>
      </c>
      <c r="C337" s="5" t="s">
        <v>2688</v>
      </c>
      <c r="D337" s="5" t="s">
        <v>2689</v>
      </c>
      <c r="E337" s="4" t="s">
        <v>849</v>
      </c>
    </row>
    <row r="338" spans="1:5" ht="23.1" customHeight="1" x14ac:dyDescent="0.2">
      <c r="A338" s="27">
        <v>336</v>
      </c>
      <c r="B338" s="6" t="s">
        <v>1878</v>
      </c>
      <c r="C338" s="5" t="s">
        <v>1876</v>
      </c>
      <c r="D338" s="5" t="s">
        <v>1877</v>
      </c>
      <c r="E338" s="4" t="s">
        <v>3</v>
      </c>
    </row>
    <row r="339" spans="1:5" ht="23.1" customHeight="1" x14ac:dyDescent="0.2">
      <c r="A339" s="27">
        <v>337</v>
      </c>
      <c r="B339" s="6" t="s">
        <v>2852</v>
      </c>
      <c r="C339" s="5" t="s">
        <v>2850</v>
      </c>
      <c r="D339" s="5" t="s">
        <v>2851</v>
      </c>
      <c r="E339" s="4" t="s">
        <v>849</v>
      </c>
    </row>
    <row r="340" spans="1:5" ht="23.1" customHeight="1" x14ac:dyDescent="0.2">
      <c r="A340" s="27">
        <v>338</v>
      </c>
      <c r="B340" s="6" t="s">
        <v>2896</v>
      </c>
      <c r="C340" s="5" t="s">
        <v>2895</v>
      </c>
      <c r="D340" s="5" t="s">
        <v>2894</v>
      </c>
      <c r="E340" s="4" t="s">
        <v>3</v>
      </c>
    </row>
    <row r="341" spans="1:5" ht="23.1" customHeight="1" x14ac:dyDescent="0.2">
      <c r="A341" s="27">
        <v>339</v>
      </c>
      <c r="B341" s="4" t="s">
        <v>1637</v>
      </c>
      <c r="C341" s="4" t="s">
        <v>1643</v>
      </c>
      <c r="D341" s="4" t="s">
        <v>1651</v>
      </c>
      <c r="E341" s="4" t="s">
        <v>1630</v>
      </c>
    </row>
    <row r="342" spans="1:5" ht="23.1" customHeight="1" x14ac:dyDescent="0.2">
      <c r="A342" s="27">
        <v>340</v>
      </c>
      <c r="B342" s="4" t="s">
        <v>2514</v>
      </c>
      <c r="C342" s="4" t="s">
        <v>2513</v>
      </c>
      <c r="D342" s="4" t="s">
        <v>2512</v>
      </c>
      <c r="E342" s="4" t="s">
        <v>3</v>
      </c>
    </row>
    <row r="343" spans="1:5" ht="23.1" customHeight="1" x14ac:dyDescent="0.2">
      <c r="A343" s="27">
        <v>341</v>
      </c>
      <c r="B343" s="4" t="s">
        <v>2743</v>
      </c>
      <c r="C343" s="4" t="s">
        <v>2741</v>
      </c>
      <c r="D343" s="4" t="s">
        <v>2742</v>
      </c>
      <c r="E343" s="4" t="s">
        <v>849</v>
      </c>
    </row>
    <row r="344" spans="1:5" ht="23.1" customHeight="1" x14ac:dyDescent="0.2">
      <c r="A344" s="27">
        <v>342</v>
      </c>
      <c r="B344" s="4" t="s">
        <v>2923</v>
      </c>
      <c r="C344" s="4" t="s">
        <v>2922</v>
      </c>
      <c r="D344" s="4" t="s">
        <v>2921</v>
      </c>
      <c r="E344" s="4" t="s">
        <v>3</v>
      </c>
    </row>
    <row r="345" spans="1:5" ht="23.1" customHeight="1" x14ac:dyDescent="0.2">
      <c r="A345" s="27">
        <v>343</v>
      </c>
      <c r="B345" s="6" t="s">
        <v>1286</v>
      </c>
      <c r="C345" s="5" t="s">
        <v>337</v>
      </c>
      <c r="D345" s="5" t="s">
        <v>610</v>
      </c>
      <c r="E345" s="4" t="s">
        <v>849</v>
      </c>
    </row>
    <row r="346" spans="1:5" ht="23.1" customHeight="1" x14ac:dyDescent="0.2">
      <c r="A346" s="27">
        <v>344</v>
      </c>
      <c r="B346" s="6" t="s">
        <v>1879</v>
      </c>
      <c r="C346" s="5" t="s">
        <v>1874</v>
      </c>
      <c r="D346" s="5" t="s">
        <v>1875</v>
      </c>
      <c r="E346" s="4" t="s">
        <v>849</v>
      </c>
    </row>
    <row r="347" spans="1:5" ht="23.1" customHeight="1" x14ac:dyDescent="0.2">
      <c r="A347" s="27">
        <v>345</v>
      </c>
      <c r="B347" s="6" t="s">
        <v>1905</v>
      </c>
      <c r="C347" s="5" t="s">
        <v>1903</v>
      </c>
      <c r="D347" s="5" t="s">
        <v>1904</v>
      </c>
      <c r="E347" s="4" t="s">
        <v>849</v>
      </c>
    </row>
    <row r="348" spans="1:5" ht="23.1" customHeight="1" x14ac:dyDescent="0.2">
      <c r="A348" s="27">
        <v>346</v>
      </c>
      <c r="B348" s="26" t="s">
        <v>2953</v>
      </c>
      <c r="C348" s="1" t="s">
        <v>2952</v>
      </c>
      <c r="D348" s="1" t="s">
        <v>2951</v>
      </c>
      <c r="E348" s="2" t="s">
        <v>3</v>
      </c>
    </row>
    <row r="349" spans="1:5" ht="23.1" customHeight="1" x14ac:dyDescent="0.2">
      <c r="A349" s="27">
        <v>347</v>
      </c>
      <c r="B349" s="6" t="s">
        <v>1762</v>
      </c>
      <c r="C349" s="5" t="s">
        <v>1760</v>
      </c>
      <c r="D349" s="5" t="s">
        <v>1761</v>
      </c>
      <c r="E349" s="4" t="s">
        <v>849</v>
      </c>
    </row>
    <row r="350" spans="1:5" ht="23.1" customHeight="1" x14ac:dyDescent="0.2">
      <c r="A350" s="27">
        <v>348</v>
      </c>
      <c r="B350" s="6" t="s">
        <v>1287</v>
      </c>
      <c r="C350" s="5" t="s">
        <v>338</v>
      </c>
      <c r="D350" s="5" t="s">
        <v>611</v>
      </c>
      <c r="E350" s="4" t="s">
        <v>849</v>
      </c>
    </row>
    <row r="351" spans="1:5" ht="23.1" customHeight="1" x14ac:dyDescent="0.2">
      <c r="A351" s="27">
        <v>349</v>
      </c>
      <c r="B351" s="6" t="s">
        <v>1539</v>
      </c>
      <c r="C351" s="5" t="s">
        <v>1483</v>
      </c>
      <c r="D351" s="5" t="s">
        <v>1563</v>
      </c>
      <c r="E351" s="4" t="s">
        <v>849</v>
      </c>
    </row>
    <row r="352" spans="1:5" ht="23.1" customHeight="1" x14ac:dyDescent="0.2">
      <c r="A352" s="27">
        <v>350</v>
      </c>
      <c r="B352" s="4" t="s">
        <v>1716</v>
      </c>
      <c r="C352" s="4" t="s">
        <v>2719</v>
      </c>
      <c r="D352" s="4" t="s">
        <v>2032</v>
      </c>
      <c r="E352" s="4" t="s">
        <v>3</v>
      </c>
    </row>
    <row r="353" spans="1:5" ht="23.1" customHeight="1" x14ac:dyDescent="0.2">
      <c r="A353" s="27">
        <v>351</v>
      </c>
      <c r="B353" s="26" t="s">
        <v>1288</v>
      </c>
      <c r="C353" s="1" t="s">
        <v>1834</v>
      </c>
      <c r="D353" s="1" t="s">
        <v>1289</v>
      </c>
      <c r="E353" s="2" t="s">
        <v>849</v>
      </c>
    </row>
    <row r="354" spans="1:5" ht="23.1" customHeight="1" x14ac:dyDescent="0.2">
      <c r="A354" s="27">
        <v>352</v>
      </c>
      <c r="B354" s="26" t="s">
        <v>1290</v>
      </c>
      <c r="C354" s="1" t="s">
        <v>339</v>
      </c>
      <c r="D354" s="1" t="s">
        <v>612</v>
      </c>
      <c r="E354" s="2" t="s">
        <v>849</v>
      </c>
    </row>
    <row r="355" spans="1:5" ht="23.1" customHeight="1" x14ac:dyDescent="0.2">
      <c r="A355" s="27">
        <v>353</v>
      </c>
      <c r="B355" s="26" t="s">
        <v>1291</v>
      </c>
      <c r="C355" s="1" t="s">
        <v>1292</v>
      </c>
      <c r="D355" s="1" t="s">
        <v>1293</v>
      </c>
      <c r="E355" s="2" t="s">
        <v>849</v>
      </c>
    </row>
    <row r="356" spans="1:5" ht="23.1" customHeight="1" x14ac:dyDescent="0.2">
      <c r="A356" s="27">
        <v>354</v>
      </c>
      <c r="B356" s="26" t="s">
        <v>2727</v>
      </c>
      <c r="C356" s="1" t="s">
        <v>2728</v>
      </c>
      <c r="D356" s="1" t="s">
        <v>2726</v>
      </c>
      <c r="E356" s="2" t="s">
        <v>3</v>
      </c>
    </row>
    <row r="357" spans="1:5" ht="23.1" customHeight="1" x14ac:dyDescent="0.2">
      <c r="A357" s="27">
        <v>355</v>
      </c>
      <c r="B357" s="26" t="s">
        <v>1294</v>
      </c>
      <c r="C357" s="1" t="s">
        <v>340</v>
      </c>
      <c r="D357" s="1" t="s">
        <v>613</v>
      </c>
      <c r="E357" s="2" t="s">
        <v>849</v>
      </c>
    </row>
    <row r="358" spans="1:5" ht="23.1" customHeight="1" x14ac:dyDescent="0.2">
      <c r="A358" s="27">
        <v>356</v>
      </c>
      <c r="B358" s="26" t="s">
        <v>2004</v>
      </c>
      <c r="C358" s="1" t="s">
        <v>2003</v>
      </c>
      <c r="D358" s="1" t="s">
        <v>2002</v>
      </c>
      <c r="E358" s="2" t="s">
        <v>849</v>
      </c>
    </row>
    <row r="359" spans="1:5" ht="23.1" customHeight="1" x14ac:dyDescent="0.2">
      <c r="A359" s="27">
        <v>357</v>
      </c>
      <c r="B359" s="26" t="s">
        <v>1295</v>
      </c>
      <c r="C359" s="1" t="s">
        <v>341</v>
      </c>
      <c r="D359" s="1" t="s">
        <v>614</v>
      </c>
      <c r="E359" s="2" t="s">
        <v>849</v>
      </c>
    </row>
    <row r="360" spans="1:5" ht="23.1" customHeight="1" x14ac:dyDescent="0.2">
      <c r="A360" s="27">
        <v>358</v>
      </c>
      <c r="B360" s="26" t="s">
        <v>1296</v>
      </c>
      <c r="C360" s="1" t="s">
        <v>343</v>
      </c>
      <c r="D360" s="1" t="s">
        <v>615</v>
      </c>
      <c r="E360" s="2" t="s">
        <v>849</v>
      </c>
    </row>
    <row r="361" spans="1:5" ht="23.1" customHeight="1" x14ac:dyDescent="0.2">
      <c r="A361" s="27">
        <v>359</v>
      </c>
      <c r="B361" s="26" t="s">
        <v>1297</v>
      </c>
      <c r="C361" s="1" t="s">
        <v>342</v>
      </c>
      <c r="D361" s="1" t="s">
        <v>615</v>
      </c>
      <c r="E361" s="2" t="s">
        <v>849</v>
      </c>
    </row>
    <row r="362" spans="1:5" ht="23.1" customHeight="1" x14ac:dyDescent="0.2">
      <c r="A362" s="27">
        <v>360</v>
      </c>
      <c r="B362" s="26" t="s">
        <v>1298</v>
      </c>
      <c r="C362" s="1" t="s">
        <v>344</v>
      </c>
      <c r="D362" s="1" t="s">
        <v>615</v>
      </c>
      <c r="E362" s="2" t="s">
        <v>849</v>
      </c>
    </row>
    <row r="363" spans="1:5" s="23" customFormat="1" ht="23.1" customHeight="1" x14ac:dyDescent="0.2">
      <c r="A363" s="27">
        <v>361</v>
      </c>
      <c r="B363" s="26" t="s">
        <v>1299</v>
      </c>
      <c r="C363" s="1" t="s">
        <v>345</v>
      </c>
      <c r="D363" s="1" t="s">
        <v>616</v>
      </c>
      <c r="E363" s="2" t="s">
        <v>849</v>
      </c>
    </row>
    <row r="364" spans="1:5" ht="23.1" customHeight="1" x14ac:dyDescent="0.2">
      <c r="A364" s="27">
        <v>362</v>
      </c>
      <c r="B364" s="26" t="s">
        <v>3032</v>
      </c>
      <c r="C364" s="1" t="s">
        <v>3031</v>
      </c>
      <c r="D364" s="1" t="s">
        <v>3030</v>
      </c>
      <c r="E364" s="2" t="s">
        <v>849</v>
      </c>
    </row>
    <row r="365" spans="1:5" ht="23.1" customHeight="1" x14ac:dyDescent="0.2">
      <c r="A365" s="27">
        <v>363</v>
      </c>
      <c r="B365" s="6" t="s">
        <v>1300</v>
      </c>
      <c r="C365" s="5" t="s">
        <v>346</v>
      </c>
      <c r="D365" s="5" t="s">
        <v>617</v>
      </c>
      <c r="E365" s="4" t="s">
        <v>849</v>
      </c>
    </row>
    <row r="366" spans="1:5" ht="23.1" customHeight="1" x14ac:dyDescent="0.2">
      <c r="A366" s="27">
        <v>364</v>
      </c>
      <c r="B366" s="4" t="s">
        <v>1612</v>
      </c>
      <c r="C366" s="5" t="s">
        <v>1619</v>
      </c>
      <c r="D366" s="5" t="s">
        <v>1625</v>
      </c>
      <c r="E366" s="4" t="s">
        <v>1644</v>
      </c>
    </row>
    <row r="367" spans="1:5" ht="23.1" customHeight="1" x14ac:dyDescent="0.2">
      <c r="A367" s="27">
        <v>365</v>
      </c>
      <c r="B367" s="4" t="s">
        <v>1634</v>
      </c>
      <c r="C367" s="4" t="s">
        <v>2306</v>
      </c>
      <c r="D367" s="4" t="s">
        <v>1648</v>
      </c>
      <c r="E367" s="4" t="s">
        <v>1630</v>
      </c>
    </row>
    <row r="368" spans="1:5" ht="23.1" customHeight="1" x14ac:dyDescent="0.2">
      <c r="A368" s="27">
        <v>366</v>
      </c>
      <c r="B368" s="4" t="s">
        <v>2437</v>
      </c>
      <c r="C368" s="4" t="s">
        <v>2436</v>
      </c>
      <c r="D368" s="4" t="s">
        <v>2533</v>
      </c>
      <c r="E368" s="4" t="s">
        <v>3</v>
      </c>
    </row>
    <row r="369" spans="1:5" ht="23.1" customHeight="1" x14ac:dyDescent="0.2">
      <c r="A369" s="27">
        <v>367</v>
      </c>
      <c r="B369" s="6" t="s">
        <v>1540</v>
      </c>
      <c r="C369" s="5" t="s">
        <v>2718</v>
      </c>
      <c r="D369" s="5" t="s">
        <v>618</v>
      </c>
      <c r="E369" s="4" t="s">
        <v>849</v>
      </c>
    </row>
    <row r="370" spans="1:5" ht="23.1" customHeight="1" x14ac:dyDescent="0.2">
      <c r="A370" s="27">
        <v>368</v>
      </c>
      <c r="B370" s="4" t="s">
        <v>1613</v>
      </c>
      <c r="C370" s="5" t="s">
        <v>1620</v>
      </c>
      <c r="D370" s="5" t="s">
        <v>1626</v>
      </c>
      <c r="E370" s="4" t="s">
        <v>1644</v>
      </c>
    </row>
    <row r="371" spans="1:5" ht="23.1" customHeight="1" x14ac:dyDescent="0.2">
      <c r="A371" s="27">
        <v>369</v>
      </c>
      <c r="B371" s="6" t="s">
        <v>2374</v>
      </c>
      <c r="C371" s="5" t="s">
        <v>1609</v>
      </c>
      <c r="D371" s="5" t="s">
        <v>2371</v>
      </c>
      <c r="E371" s="4" t="s">
        <v>849</v>
      </c>
    </row>
    <row r="372" spans="1:5" ht="23.1" customHeight="1" x14ac:dyDescent="0.2">
      <c r="A372" s="27">
        <v>370</v>
      </c>
      <c r="B372" s="6" t="s">
        <v>2375</v>
      </c>
      <c r="C372" s="5" t="s">
        <v>2373</v>
      </c>
      <c r="D372" s="5" t="s">
        <v>2372</v>
      </c>
      <c r="E372" s="4" t="s">
        <v>3</v>
      </c>
    </row>
    <row r="373" spans="1:5" ht="23.1" customHeight="1" x14ac:dyDescent="0.2">
      <c r="A373" s="27">
        <v>371</v>
      </c>
      <c r="B373" s="6" t="s">
        <v>1541</v>
      </c>
      <c r="C373" s="5" t="s">
        <v>1542</v>
      </c>
      <c r="D373" s="5" t="s">
        <v>1543</v>
      </c>
      <c r="E373" s="4" t="s">
        <v>3</v>
      </c>
    </row>
    <row r="374" spans="1:5" ht="23.1" customHeight="1" x14ac:dyDescent="0.2">
      <c r="A374" s="27">
        <v>372</v>
      </c>
      <c r="B374" s="6" t="s">
        <v>2252</v>
      </c>
      <c r="C374" s="5" t="s">
        <v>2251</v>
      </c>
      <c r="D374" s="5" t="s">
        <v>2250</v>
      </c>
      <c r="E374" s="4" t="s">
        <v>3</v>
      </c>
    </row>
    <row r="375" spans="1:5" ht="23.1" customHeight="1" x14ac:dyDescent="0.2">
      <c r="A375" s="27">
        <v>373</v>
      </c>
      <c r="B375" s="6" t="s">
        <v>2274</v>
      </c>
      <c r="C375" s="5" t="s">
        <v>2271</v>
      </c>
      <c r="D375" s="5" t="s">
        <v>2250</v>
      </c>
      <c r="E375" s="4" t="s">
        <v>3</v>
      </c>
    </row>
    <row r="376" spans="1:5" ht="23.1" customHeight="1" x14ac:dyDescent="0.2">
      <c r="A376" s="27">
        <v>374</v>
      </c>
      <c r="B376" s="6" t="s">
        <v>2275</v>
      </c>
      <c r="C376" s="5" t="s">
        <v>2272</v>
      </c>
      <c r="D376" s="5" t="s">
        <v>2250</v>
      </c>
      <c r="E376" s="4" t="s">
        <v>3</v>
      </c>
    </row>
    <row r="377" spans="1:5" ht="23.1" customHeight="1" x14ac:dyDescent="0.2">
      <c r="A377" s="27">
        <v>375</v>
      </c>
      <c r="B377" s="6" t="s">
        <v>2414</v>
      </c>
      <c r="C377" s="5" t="s">
        <v>2273</v>
      </c>
      <c r="D377" s="5" t="s">
        <v>2250</v>
      </c>
      <c r="E377" s="4" t="s">
        <v>3</v>
      </c>
    </row>
    <row r="378" spans="1:5" ht="23.1" customHeight="1" x14ac:dyDescent="0.2">
      <c r="A378" s="27">
        <v>376</v>
      </c>
      <c r="B378" s="6" t="s">
        <v>2415</v>
      </c>
      <c r="C378" s="5" t="s">
        <v>2412</v>
      </c>
      <c r="D378" s="5" t="s">
        <v>2413</v>
      </c>
      <c r="E378" s="4" t="s">
        <v>3</v>
      </c>
    </row>
    <row r="379" spans="1:5" s="24" customFormat="1" ht="23.1" customHeight="1" x14ac:dyDescent="0.2">
      <c r="A379" s="27">
        <v>377</v>
      </c>
      <c r="B379" s="6" t="s">
        <v>2161</v>
      </c>
      <c r="C379" s="5" t="s">
        <v>2159</v>
      </c>
      <c r="D379" s="5" t="s">
        <v>2160</v>
      </c>
      <c r="E379" s="4" t="s">
        <v>3</v>
      </c>
    </row>
    <row r="380" spans="1:5" ht="23.1" customHeight="1" x14ac:dyDescent="0.2">
      <c r="A380" s="27">
        <v>378</v>
      </c>
      <c r="B380" s="6" t="s">
        <v>2113</v>
      </c>
      <c r="C380" s="5" t="s">
        <v>2112</v>
      </c>
      <c r="D380" s="5" t="s">
        <v>2111</v>
      </c>
      <c r="E380" s="4" t="s">
        <v>3</v>
      </c>
    </row>
    <row r="381" spans="1:5" ht="23.1" customHeight="1" x14ac:dyDescent="0.2">
      <c r="A381" s="27">
        <v>379</v>
      </c>
      <c r="B381" s="6" t="s">
        <v>1885</v>
      </c>
      <c r="C381" s="5" t="s">
        <v>1886</v>
      </c>
      <c r="D381" s="5" t="s">
        <v>1887</v>
      </c>
      <c r="E381" s="4" t="s">
        <v>3</v>
      </c>
    </row>
    <row r="382" spans="1:5" ht="23.1" customHeight="1" x14ac:dyDescent="0.2">
      <c r="A382" s="27">
        <v>380</v>
      </c>
      <c r="B382" s="6" t="s">
        <v>2299</v>
      </c>
      <c r="C382" s="5" t="s">
        <v>2298</v>
      </c>
      <c r="D382" s="5" t="s">
        <v>2297</v>
      </c>
      <c r="E382" s="4" t="s">
        <v>3</v>
      </c>
    </row>
    <row r="383" spans="1:5" ht="23.1" customHeight="1" x14ac:dyDescent="0.2">
      <c r="A383" s="27">
        <v>381</v>
      </c>
      <c r="B383" s="6" t="s">
        <v>1890</v>
      </c>
      <c r="C383" s="5" t="s">
        <v>1888</v>
      </c>
      <c r="D383" s="5" t="s">
        <v>1889</v>
      </c>
      <c r="E383" s="4" t="s">
        <v>3</v>
      </c>
    </row>
    <row r="384" spans="1:5" ht="23.1" customHeight="1" x14ac:dyDescent="0.2">
      <c r="A384" s="27">
        <v>382</v>
      </c>
      <c r="B384" s="6" t="s">
        <v>1893</v>
      </c>
      <c r="C384" s="5" t="s">
        <v>1891</v>
      </c>
      <c r="D384" s="5" t="s">
        <v>1892</v>
      </c>
      <c r="E384" s="4" t="s">
        <v>3</v>
      </c>
    </row>
    <row r="385" spans="1:5" ht="23.1" customHeight="1" x14ac:dyDescent="0.2">
      <c r="A385" s="27">
        <v>383</v>
      </c>
      <c r="B385" s="6" t="s">
        <v>1896</v>
      </c>
      <c r="C385" s="5" t="s">
        <v>1894</v>
      </c>
      <c r="D385" s="5" t="s">
        <v>1895</v>
      </c>
      <c r="E385" s="4" t="s">
        <v>3</v>
      </c>
    </row>
    <row r="386" spans="1:5" ht="23.1" customHeight="1" x14ac:dyDescent="0.2">
      <c r="A386" s="27">
        <v>384</v>
      </c>
      <c r="B386" s="6" t="s">
        <v>2137</v>
      </c>
      <c r="C386" s="5" t="s">
        <v>2872</v>
      </c>
      <c r="D386" s="5" t="s">
        <v>2136</v>
      </c>
      <c r="E386" s="4" t="s">
        <v>3</v>
      </c>
    </row>
    <row r="387" spans="1:5" ht="23.1" customHeight="1" x14ac:dyDescent="0.2">
      <c r="A387" s="27">
        <v>385</v>
      </c>
      <c r="B387" s="6" t="s">
        <v>1974</v>
      </c>
      <c r="C387" s="5" t="s">
        <v>1972</v>
      </c>
      <c r="D387" s="5" t="s">
        <v>1973</v>
      </c>
      <c r="E387" s="4" t="s">
        <v>3</v>
      </c>
    </row>
    <row r="388" spans="1:5" ht="23.1" customHeight="1" x14ac:dyDescent="0.2">
      <c r="A388" s="27">
        <v>386</v>
      </c>
      <c r="B388" s="6" t="s">
        <v>1301</v>
      </c>
      <c r="C388" s="5" t="s">
        <v>347</v>
      </c>
      <c r="D388" s="5" t="s">
        <v>619</v>
      </c>
      <c r="E388" s="4" t="s">
        <v>3</v>
      </c>
    </row>
    <row r="389" spans="1:5" ht="23.1" customHeight="1" x14ac:dyDescent="0.2">
      <c r="A389" s="27">
        <v>387</v>
      </c>
      <c r="B389" s="6" t="s">
        <v>2058</v>
      </c>
      <c r="C389" s="5" t="s">
        <v>2056</v>
      </c>
      <c r="D389" s="5" t="s">
        <v>2057</v>
      </c>
      <c r="E389" s="4" t="s">
        <v>3</v>
      </c>
    </row>
    <row r="390" spans="1:5" ht="23.1" customHeight="1" x14ac:dyDescent="0.2">
      <c r="A390" s="27">
        <v>388</v>
      </c>
      <c r="B390" s="6" t="s">
        <v>1302</v>
      </c>
      <c r="C390" s="5" t="s">
        <v>2871</v>
      </c>
      <c r="D390" s="5" t="s">
        <v>621</v>
      </c>
      <c r="E390" s="4" t="s">
        <v>849</v>
      </c>
    </row>
    <row r="391" spans="1:5" ht="23.1" customHeight="1" x14ac:dyDescent="0.2">
      <c r="A391" s="27">
        <v>389</v>
      </c>
      <c r="B391" s="6" t="s">
        <v>1303</v>
      </c>
      <c r="C391" s="5" t="s">
        <v>1581</v>
      </c>
      <c r="D391" s="5" t="s">
        <v>620</v>
      </c>
      <c r="E391" s="4" t="s">
        <v>849</v>
      </c>
    </row>
    <row r="392" spans="1:5" ht="23.1" customHeight="1" x14ac:dyDescent="0.2">
      <c r="A392" s="27">
        <v>390</v>
      </c>
      <c r="B392" s="6" t="s">
        <v>1304</v>
      </c>
      <c r="C392" s="5" t="s">
        <v>348</v>
      </c>
      <c r="D392" s="5" t="s">
        <v>622</v>
      </c>
      <c r="E392" s="4" t="s">
        <v>849</v>
      </c>
    </row>
    <row r="393" spans="1:5" ht="23.1" customHeight="1" x14ac:dyDescent="0.2">
      <c r="A393" s="27">
        <v>391</v>
      </c>
      <c r="B393" s="6" t="s">
        <v>1305</v>
      </c>
      <c r="C393" s="5" t="s">
        <v>1306</v>
      </c>
      <c r="D393" s="5" t="s">
        <v>1307</v>
      </c>
      <c r="E393" s="4" t="s">
        <v>3</v>
      </c>
    </row>
    <row r="394" spans="1:5" ht="23.1" customHeight="1" x14ac:dyDescent="0.2">
      <c r="A394" s="27">
        <v>392</v>
      </c>
      <c r="B394" s="6" t="s">
        <v>1308</v>
      </c>
      <c r="C394" s="5" t="s">
        <v>349</v>
      </c>
      <c r="D394" s="5" t="s">
        <v>623</v>
      </c>
      <c r="E394" s="4" t="s">
        <v>849</v>
      </c>
    </row>
    <row r="395" spans="1:5" s="24" customFormat="1" ht="23.1" customHeight="1" x14ac:dyDescent="0.2">
      <c r="A395" s="27">
        <v>393</v>
      </c>
      <c r="B395" s="6" t="s">
        <v>1309</v>
      </c>
      <c r="C395" s="5" t="s">
        <v>350</v>
      </c>
      <c r="D395" s="5" t="s">
        <v>624</v>
      </c>
      <c r="E395" s="4" t="s">
        <v>849</v>
      </c>
    </row>
    <row r="396" spans="1:5" ht="23.1" customHeight="1" x14ac:dyDescent="0.2">
      <c r="A396" s="27">
        <v>394</v>
      </c>
      <c r="B396" s="6" t="s">
        <v>1310</v>
      </c>
      <c r="C396" s="5" t="s">
        <v>351</v>
      </c>
      <c r="D396" s="5" t="s">
        <v>625</v>
      </c>
      <c r="E396" s="4" t="s">
        <v>849</v>
      </c>
    </row>
    <row r="397" spans="1:5" ht="23.1" customHeight="1" x14ac:dyDescent="0.2">
      <c r="A397" s="27">
        <v>395</v>
      </c>
      <c r="B397" s="6" t="s">
        <v>1544</v>
      </c>
      <c r="C397" s="5" t="s">
        <v>1545</v>
      </c>
      <c r="D397" s="5" t="s">
        <v>1546</v>
      </c>
      <c r="E397" s="4" t="s">
        <v>3</v>
      </c>
    </row>
    <row r="398" spans="1:5" ht="23.1" customHeight="1" x14ac:dyDescent="0.2">
      <c r="A398" s="27">
        <v>396</v>
      </c>
      <c r="B398" s="6" t="s">
        <v>1311</v>
      </c>
      <c r="C398" s="5" t="s">
        <v>352</v>
      </c>
      <c r="D398" s="5" t="s">
        <v>626</v>
      </c>
      <c r="E398" s="4" t="s">
        <v>849</v>
      </c>
    </row>
    <row r="399" spans="1:5" ht="23.1" customHeight="1" x14ac:dyDescent="0.2">
      <c r="A399" s="27">
        <v>397</v>
      </c>
      <c r="B399" s="6" t="s">
        <v>2265</v>
      </c>
      <c r="C399" s="4" t="s">
        <v>2264</v>
      </c>
      <c r="D399" s="4" t="s">
        <v>2263</v>
      </c>
      <c r="E399" s="4" t="s">
        <v>3</v>
      </c>
    </row>
    <row r="400" spans="1:5" ht="23.1" customHeight="1" x14ac:dyDescent="0.2">
      <c r="A400" s="27">
        <v>398</v>
      </c>
      <c r="B400" s="6" t="s">
        <v>2346</v>
      </c>
      <c r="C400" s="4" t="s">
        <v>2345</v>
      </c>
      <c r="D400" s="4" t="s">
        <v>2344</v>
      </c>
      <c r="E400" s="4" t="s">
        <v>849</v>
      </c>
    </row>
    <row r="401" spans="1:5" ht="23.1" customHeight="1" x14ac:dyDescent="0.2">
      <c r="A401" s="27">
        <v>399</v>
      </c>
      <c r="B401" s="6" t="s">
        <v>2421</v>
      </c>
      <c r="C401" s="5" t="s">
        <v>2419</v>
      </c>
      <c r="D401" s="5" t="s">
        <v>2420</v>
      </c>
      <c r="E401" s="4" t="s">
        <v>3</v>
      </c>
    </row>
    <row r="402" spans="1:5" ht="23.1" customHeight="1" x14ac:dyDescent="0.2">
      <c r="A402" s="27">
        <v>400</v>
      </c>
      <c r="B402" s="6" t="s">
        <v>1312</v>
      </c>
      <c r="C402" s="5" t="s">
        <v>1313</v>
      </c>
      <c r="D402" s="5" t="s">
        <v>1314</v>
      </c>
      <c r="E402" s="4" t="s">
        <v>3</v>
      </c>
    </row>
    <row r="403" spans="1:5" ht="23.1" customHeight="1" x14ac:dyDescent="0.2">
      <c r="A403" s="27">
        <v>401</v>
      </c>
      <c r="B403" s="6" t="s">
        <v>1352</v>
      </c>
      <c r="C403" s="5" t="s">
        <v>382</v>
      </c>
      <c r="D403" s="5" t="s">
        <v>1948</v>
      </c>
      <c r="E403" s="4" t="s">
        <v>849</v>
      </c>
    </row>
    <row r="404" spans="1:5" ht="23.1" customHeight="1" x14ac:dyDescent="0.2">
      <c r="A404" s="27">
        <v>402</v>
      </c>
      <c r="B404" s="6" t="s">
        <v>2255</v>
      </c>
      <c r="C404" s="5" t="s">
        <v>2254</v>
      </c>
      <c r="D404" s="5" t="s">
        <v>2253</v>
      </c>
      <c r="E404" s="4" t="s">
        <v>3</v>
      </c>
    </row>
    <row r="405" spans="1:5" ht="23.1" customHeight="1" x14ac:dyDescent="0.2">
      <c r="A405" s="27">
        <v>403</v>
      </c>
      <c r="B405" s="4" t="s">
        <v>1727</v>
      </c>
      <c r="C405" s="4" t="s">
        <v>1732</v>
      </c>
      <c r="D405" s="4" t="s">
        <v>1736</v>
      </c>
      <c r="E405" s="4" t="s">
        <v>3</v>
      </c>
    </row>
    <row r="406" spans="1:5" ht="23.1" customHeight="1" x14ac:dyDescent="0.2">
      <c r="A406" s="27">
        <v>404</v>
      </c>
      <c r="B406" s="4" t="s">
        <v>2576</v>
      </c>
      <c r="C406" s="4" t="s">
        <v>2574</v>
      </c>
      <c r="D406" s="4" t="s">
        <v>2575</v>
      </c>
      <c r="E406" s="4" t="s">
        <v>849</v>
      </c>
    </row>
    <row r="407" spans="1:5" ht="23.1" customHeight="1" x14ac:dyDescent="0.2">
      <c r="A407" s="27">
        <v>405</v>
      </c>
      <c r="B407" s="6" t="s">
        <v>1315</v>
      </c>
      <c r="C407" s="9" t="s">
        <v>1547</v>
      </c>
      <c r="D407" s="9" t="s">
        <v>627</v>
      </c>
      <c r="E407" s="9" t="s">
        <v>3</v>
      </c>
    </row>
    <row r="408" spans="1:5" ht="23.1" customHeight="1" x14ac:dyDescent="0.2">
      <c r="A408" s="27">
        <v>406</v>
      </c>
      <c r="B408" s="6" t="s">
        <v>2108</v>
      </c>
      <c r="C408" s="5" t="s">
        <v>2107</v>
      </c>
      <c r="D408" s="5" t="s">
        <v>2106</v>
      </c>
      <c r="E408" s="4" t="s">
        <v>3</v>
      </c>
    </row>
    <row r="409" spans="1:5" ht="23.1" customHeight="1" x14ac:dyDescent="0.2">
      <c r="A409" s="27">
        <v>407</v>
      </c>
      <c r="B409" s="6" t="s">
        <v>1316</v>
      </c>
      <c r="C409" s="5" t="s">
        <v>830</v>
      </c>
      <c r="D409" s="5" t="s">
        <v>1317</v>
      </c>
      <c r="E409" s="4" t="s">
        <v>849</v>
      </c>
    </row>
    <row r="410" spans="1:5" ht="23.1" customHeight="1" x14ac:dyDescent="0.2">
      <c r="A410" s="27">
        <v>408</v>
      </c>
      <c r="B410" s="6" t="s">
        <v>2503</v>
      </c>
      <c r="C410" s="5" t="s">
        <v>2502</v>
      </c>
      <c r="D410" s="5" t="s">
        <v>2501</v>
      </c>
      <c r="E410" s="4" t="s">
        <v>3</v>
      </c>
    </row>
    <row r="411" spans="1:5" ht="23.1" customHeight="1" x14ac:dyDescent="0.2">
      <c r="A411" s="27">
        <v>409</v>
      </c>
      <c r="B411" s="6" t="s">
        <v>2773</v>
      </c>
      <c r="C411" s="5" t="s">
        <v>2771</v>
      </c>
      <c r="D411" s="5" t="s">
        <v>2772</v>
      </c>
      <c r="E411" s="4" t="s">
        <v>3</v>
      </c>
    </row>
    <row r="412" spans="1:5" ht="23.1" customHeight="1" x14ac:dyDescent="0.2">
      <c r="A412" s="27">
        <v>410</v>
      </c>
      <c r="B412" s="6" t="s">
        <v>1480</v>
      </c>
      <c r="C412" s="5" t="s">
        <v>353</v>
      </c>
      <c r="D412" s="5" t="s">
        <v>2228</v>
      </c>
      <c r="E412" s="4" t="s">
        <v>3</v>
      </c>
    </row>
    <row r="413" spans="1:5" s="24" customFormat="1" ht="23.1" customHeight="1" x14ac:dyDescent="0.2">
      <c r="A413" s="27">
        <v>411</v>
      </c>
      <c r="B413" s="6" t="s">
        <v>2230</v>
      </c>
      <c r="C413" s="5" t="s">
        <v>2229</v>
      </c>
      <c r="D413" s="5" t="s">
        <v>2234</v>
      </c>
      <c r="E413" s="4" t="s">
        <v>849</v>
      </c>
    </row>
    <row r="414" spans="1:5" ht="23.1" customHeight="1" x14ac:dyDescent="0.2">
      <c r="A414" s="27">
        <v>412</v>
      </c>
      <c r="B414" s="6" t="s">
        <v>1756</v>
      </c>
      <c r="C414" s="5" t="s">
        <v>1754</v>
      </c>
      <c r="D414" s="5" t="s">
        <v>1755</v>
      </c>
      <c r="E414" s="4" t="s">
        <v>849</v>
      </c>
    </row>
    <row r="415" spans="1:5" ht="23.1" customHeight="1" x14ac:dyDescent="0.2">
      <c r="A415" s="27">
        <v>413</v>
      </c>
      <c r="B415" s="4" t="s">
        <v>1632</v>
      </c>
      <c r="C415" s="4" t="s">
        <v>1639</v>
      </c>
      <c r="D415" s="4" t="s">
        <v>1646</v>
      </c>
      <c r="E415" s="4" t="s">
        <v>1644</v>
      </c>
    </row>
    <row r="416" spans="1:5" ht="23.1" customHeight="1" x14ac:dyDescent="0.2">
      <c r="A416" s="27">
        <v>414</v>
      </c>
      <c r="B416" s="4" t="s">
        <v>2082</v>
      </c>
      <c r="C416" s="4" t="s">
        <v>2081</v>
      </c>
      <c r="D416" s="4" t="s">
        <v>2080</v>
      </c>
      <c r="E416" s="4" t="s">
        <v>3</v>
      </c>
    </row>
    <row r="417" spans="1:5" ht="23.1" customHeight="1" x14ac:dyDescent="0.2">
      <c r="A417" s="27">
        <v>415</v>
      </c>
      <c r="B417" s="6" t="s">
        <v>2661</v>
      </c>
      <c r="C417" s="5" t="s">
        <v>354</v>
      </c>
      <c r="D417" s="5" t="s">
        <v>628</v>
      </c>
      <c r="E417" s="4" t="s">
        <v>849</v>
      </c>
    </row>
    <row r="418" spans="1:5" ht="23.1" customHeight="1" x14ac:dyDescent="0.2">
      <c r="A418" s="27">
        <v>416</v>
      </c>
      <c r="B418" s="6" t="s">
        <v>2662</v>
      </c>
      <c r="C418" s="5" t="s">
        <v>2659</v>
      </c>
      <c r="D418" s="5" t="s">
        <v>2660</v>
      </c>
      <c r="E418" s="4" t="s">
        <v>3</v>
      </c>
    </row>
    <row r="419" spans="1:5" ht="22.5" customHeight="1" x14ac:dyDescent="0.2">
      <c r="A419" s="27">
        <v>417</v>
      </c>
      <c r="B419" s="6" t="s">
        <v>2793</v>
      </c>
      <c r="C419" s="15" t="s">
        <v>2790</v>
      </c>
      <c r="D419" s="5" t="s">
        <v>2792</v>
      </c>
      <c r="E419" s="4" t="s">
        <v>3</v>
      </c>
    </row>
    <row r="420" spans="1:5" ht="23.1" customHeight="1" x14ac:dyDescent="0.2">
      <c r="A420" s="27">
        <v>418</v>
      </c>
      <c r="B420" s="6" t="s">
        <v>2794</v>
      </c>
      <c r="C420" s="15" t="s">
        <v>2791</v>
      </c>
      <c r="D420" s="5" t="s">
        <v>2792</v>
      </c>
      <c r="E420" s="4" t="s">
        <v>3</v>
      </c>
    </row>
    <row r="421" spans="1:5" ht="23.1" customHeight="1" x14ac:dyDescent="0.2">
      <c r="A421" s="27">
        <v>419</v>
      </c>
      <c r="B421" s="6" t="s">
        <v>1589</v>
      </c>
      <c r="C421" s="5" t="s">
        <v>1585</v>
      </c>
      <c r="D421" s="5" t="s">
        <v>1590</v>
      </c>
      <c r="E421" s="4" t="s">
        <v>849</v>
      </c>
    </row>
    <row r="422" spans="1:5" ht="21.6" customHeight="1" x14ac:dyDescent="0.2">
      <c r="A422" s="27">
        <v>420</v>
      </c>
      <c r="B422" s="6" t="s">
        <v>1318</v>
      </c>
      <c r="C422" s="5" t="s">
        <v>355</v>
      </c>
      <c r="D422" s="5" t="s">
        <v>629</v>
      </c>
      <c r="E422" s="4" t="s">
        <v>3</v>
      </c>
    </row>
    <row r="423" spans="1:5" ht="21.6" customHeight="1" x14ac:dyDescent="0.2">
      <c r="A423" s="27">
        <v>421</v>
      </c>
      <c r="B423" s="6" t="s">
        <v>1319</v>
      </c>
      <c r="C423" s="5" t="s">
        <v>356</v>
      </c>
      <c r="D423" s="5" t="s">
        <v>630</v>
      </c>
      <c r="E423" s="4" t="s">
        <v>849</v>
      </c>
    </row>
    <row r="424" spans="1:5" ht="21.6" customHeight="1" x14ac:dyDescent="0.2">
      <c r="A424" s="27">
        <v>422</v>
      </c>
      <c r="B424" s="6" t="s">
        <v>1320</v>
      </c>
      <c r="C424" s="5" t="s">
        <v>1749</v>
      </c>
      <c r="D424" s="5" t="s">
        <v>631</v>
      </c>
      <c r="E424" s="4" t="s">
        <v>3</v>
      </c>
    </row>
    <row r="425" spans="1:5" ht="23.1" customHeight="1" x14ac:dyDescent="0.2">
      <c r="A425" s="27">
        <v>423</v>
      </c>
      <c r="B425" s="6" t="s">
        <v>1321</v>
      </c>
      <c r="C425" s="5" t="s">
        <v>357</v>
      </c>
      <c r="D425" s="5" t="s">
        <v>632</v>
      </c>
      <c r="E425" s="4" t="s">
        <v>849</v>
      </c>
    </row>
    <row r="426" spans="1:5" ht="23.1" customHeight="1" x14ac:dyDescent="0.2">
      <c r="A426" s="27">
        <v>424</v>
      </c>
      <c r="B426" s="6" t="s">
        <v>1548</v>
      </c>
      <c r="C426" s="5" t="s">
        <v>2776</v>
      </c>
      <c r="D426" s="5" t="s">
        <v>1549</v>
      </c>
      <c r="E426" s="4" t="s">
        <v>849</v>
      </c>
    </row>
    <row r="427" spans="1:5" ht="23.1" customHeight="1" x14ac:dyDescent="0.2">
      <c r="A427" s="27">
        <v>425</v>
      </c>
      <c r="B427" s="6" t="s">
        <v>1322</v>
      </c>
      <c r="C427" s="5" t="s">
        <v>358</v>
      </c>
      <c r="D427" s="5" t="s">
        <v>633</v>
      </c>
      <c r="E427" s="4" t="s">
        <v>849</v>
      </c>
    </row>
    <row r="428" spans="1:5" ht="23.1" customHeight="1" x14ac:dyDescent="0.2">
      <c r="A428" s="27">
        <v>426</v>
      </c>
      <c r="B428" s="6" t="s">
        <v>2135</v>
      </c>
      <c r="C428" s="5" t="s">
        <v>2133</v>
      </c>
      <c r="D428" s="5" t="s">
        <v>2134</v>
      </c>
      <c r="E428" s="4" t="s">
        <v>849</v>
      </c>
    </row>
    <row r="429" spans="1:5" ht="23.1" customHeight="1" x14ac:dyDescent="0.2">
      <c r="A429" s="27">
        <v>427</v>
      </c>
      <c r="B429" s="6" t="s">
        <v>2580</v>
      </c>
      <c r="C429" s="5" t="s">
        <v>2581</v>
      </c>
      <c r="D429" s="5" t="s">
        <v>2582</v>
      </c>
      <c r="E429" s="4" t="s">
        <v>3</v>
      </c>
    </row>
    <row r="430" spans="1:5" ht="23.1" customHeight="1" x14ac:dyDescent="0.2">
      <c r="A430" s="27">
        <v>428</v>
      </c>
      <c r="B430" s="6" t="s">
        <v>1774</v>
      </c>
      <c r="C430" s="5" t="s">
        <v>1772</v>
      </c>
      <c r="D430" s="5" t="s">
        <v>1773</v>
      </c>
      <c r="E430" s="4" t="s">
        <v>3</v>
      </c>
    </row>
    <row r="431" spans="1:5" ht="21.6" customHeight="1" x14ac:dyDescent="0.2">
      <c r="A431" s="27">
        <v>429</v>
      </c>
      <c r="B431" s="6" t="s">
        <v>2143</v>
      </c>
      <c r="C431" s="5" t="s">
        <v>2141</v>
      </c>
      <c r="D431" s="5" t="s">
        <v>2142</v>
      </c>
      <c r="E431" s="4" t="s">
        <v>849</v>
      </c>
    </row>
    <row r="432" spans="1:5" ht="23.1" customHeight="1" x14ac:dyDescent="0.2">
      <c r="A432" s="27">
        <v>430</v>
      </c>
      <c r="B432" s="6" t="s">
        <v>1323</v>
      </c>
      <c r="C432" s="5" t="s">
        <v>1324</v>
      </c>
      <c r="D432" s="5" t="s">
        <v>1325</v>
      </c>
      <c r="E432" s="4" t="s">
        <v>849</v>
      </c>
    </row>
    <row r="433" spans="1:5" ht="21.6" customHeight="1" x14ac:dyDescent="0.2">
      <c r="A433" s="27">
        <v>431</v>
      </c>
      <c r="B433" s="6" t="s">
        <v>1326</v>
      </c>
      <c r="C433" s="5" t="s">
        <v>1327</v>
      </c>
      <c r="D433" s="5" t="s">
        <v>1328</v>
      </c>
      <c r="E433" s="4" t="s">
        <v>849</v>
      </c>
    </row>
    <row r="434" spans="1:5" ht="23.1" customHeight="1" x14ac:dyDescent="0.2">
      <c r="A434" s="27">
        <v>432</v>
      </c>
      <c r="B434" s="6" t="s">
        <v>1329</v>
      </c>
      <c r="C434" s="5" t="s">
        <v>359</v>
      </c>
      <c r="D434" s="5" t="s">
        <v>634</v>
      </c>
      <c r="E434" s="4" t="s">
        <v>849</v>
      </c>
    </row>
    <row r="435" spans="1:5" ht="23.1" customHeight="1" x14ac:dyDescent="0.2">
      <c r="A435" s="27">
        <v>433</v>
      </c>
      <c r="B435" s="6" t="s">
        <v>1550</v>
      </c>
      <c r="C435" s="5" t="s">
        <v>2717</v>
      </c>
      <c r="D435" s="5" t="s">
        <v>1330</v>
      </c>
      <c r="E435" s="4" t="s">
        <v>849</v>
      </c>
    </row>
    <row r="436" spans="1:5" ht="23.1" customHeight="1" x14ac:dyDescent="0.2">
      <c r="A436" s="27">
        <v>434</v>
      </c>
      <c r="B436" s="6" t="s">
        <v>1331</v>
      </c>
      <c r="C436" s="5" t="s">
        <v>360</v>
      </c>
      <c r="D436" s="5" t="s">
        <v>635</v>
      </c>
      <c r="E436" s="4" t="s">
        <v>849</v>
      </c>
    </row>
    <row r="437" spans="1:5" ht="23.1" customHeight="1" x14ac:dyDescent="0.2">
      <c r="A437" s="27">
        <v>435</v>
      </c>
      <c r="B437" s="6" t="s">
        <v>1332</v>
      </c>
      <c r="C437" s="5" t="s">
        <v>361</v>
      </c>
      <c r="D437" s="5" t="s">
        <v>636</v>
      </c>
      <c r="E437" s="4" t="s">
        <v>849</v>
      </c>
    </row>
    <row r="438" spans="1:5" ht="23.1" customHeight="1" x14ac:dyDescent="0.2">
      <c r="A438" s="27">
        <v>436</v>
      </c>
      <c r="B438" s="6" t="s">
        <v>2180</v>
      </c>
      <c r="C438" s="5" t="s">
        <v>362</v>
      </c>
      <c r="D438" s="5" t="s">
        <v>637</v>
      </c>
      <c r="E438" s="4" t="s">
        <v>849</v>
      </c>
    </row>
    <row r="439" spans="1:5" ht="22.8" customHeight="1" x14ac:dyDescent="0.2">
      <c r="A439" s="27">
        <v>437</v>
      </c>
      <c r="B439" s="6" t="s">
        <v>2181</v>
      </c>
      <c r="C439" s="5" t="s">
        <v>2179</v>
      </c>
      <c r="D439" s="5" t="s">
        <v>2178</v>
      </c>
      <c r="E439" s="4" t="s">
        <v>3</v>
      </c>
    </row>
    <row r="440" spans="1:5" ht="22.8" customHeight="1" x14ac:dyDescent="0.2">
      <c r="A440" s="27">
        <v>438</v>
      </c>
      <c r="B440" s="6" t="s">
        <v>1333</v>
      </c>
      <c r="C440" s="5" t="s">
        <v>363</v>
      </c>
      <c r="D440" s="5" t="s">
        <v>638</v>
      </c>
      <c r="E440" s="4" t="s">
        <v>3</v>
      </c>
    </row>
    <row r="441" spans="1:5" ht="22.8" customHeight="1" x14ac:dyDescent="0.2">
      <c r="A441" s="27">
        <v>439</v>
      </c>
      <c r="B441" s="6" t="s">
        <v>2583</v>
      </c>
      <c r="C441" s="5" t="s">
        <v>364</v>
      </c>
      <c r="D441" s="5" t="s">
        <v>638</v>
      </c>
      <c r="E441" s="4" t="s">
        <v>849</v>
      </c>
    </row>
    <row r="442" spans="1:5" ht="23.1" customHeight="1" x14ac:dyDescent="0.2">
      <c r="A442" s="27">
        <v>440</v>
      </c>
      <c r="B442" s="6" t="s">
        <v>2584</v>
      </c>
      <c r="C442" s="5" t="s">
        <v>2585</v>
      </c>
      <c r="D442" s="5" t="s">
        <v>2586</v>
      </c>
      <c r="E442" s="4" t="s">
        <v>3</v>
      </c>
    </row>
    <row r="443" spans="1:5" ht="23.1" customHeight="1" x14ac:dyDescent="0.2">
      <c r="A443" s="27">
        <v>441</v>
      </c>
      <c r="B443" s="6" t="s">
        <v>1334</v>
      </c>
      <c r="C443" s="5" t="s">
        <v>365</v>
      </c>
      <c r="D443" s="5" t="s">
        <v>639</v>
      </c>
      <c r="E443" s="4" t="s">
        <v>849</v>
      </c>
    </row>
    <row r="444" spans="1:5" ht="23.1" customHeight="1" x14ac:dyDescent="0.2">
      <c r="A444" s="27">
        <v>442</v>
      </c>
      <c r="B444" s="6" t="s">
        <v>1335</v>
      </c>
      <c r="C444" s="5" t="s">
        <v>366</v>
      </c>
      <c r="D444" s="5" t="s">
        <v>2069</v>
      </c>
      <c r="E444" s="4" t="s">
        <v>849</v>
      </c>
    </row>
    <row r="445" spans="1:5" ht="23.1" customHeight="1" x14ac:dyDescent="0.2">
      <c r="A445" s="27">
        <v>443</v>
      </c>
      <c r="B445" s="6" t="s">
        <v>1336</v>
      </c>
      <c r="C445" s="5" t="s">
        <v>2480</v>
      </c>
      <c r="D445" s="5" t="s">
        <v>640</v>
      </c>
      <c r="E445" s="4" t="s">
        <v>849</v>
      </c>
    </row>
    <row r="446" spans="1:5" ht="23.1" customHeight="1" x14ac:dyDescent="0.2">
      <c r="A446" s="27">
        <v>444</v>
      </c>
      <c r="B446" s="6" t="s">
        <v>1827</v>
      </c>
      <c r="C446" s="5" t="s">
        <v>1825</v>
      </c>
      <c r="D446" s="5" t="s">
        <v>1826</v>
      </c>
      <c r="E446" s="4" t="s">
        <v>3</v>
      </c>
    </row>
    <row r="447" spans="1:5" ht="23.1" customHeight="1" x14ac:dyDescent="0.2">
      <c r="A447" s="27">
        <v>445</v>
      </c>
      <c r="B447" s="6" t="s">
        <v>1337</v>
      </c>
      <c r="C447" s="5" t="s">
        <v>367</v>
      </c>
      <c r="D447" s="5" t="s">
        <v>641</v>
      </c>
      <c r="E447" s="4" t="s">
        <v>849</v>
      </c>
    </row>
    <row r="448" spans="1:5" ht="23.1" customHeight="1" x14ac:dyDescent="0.2">
      <c r="A448" s="27">
        <v>446</v>
      </c>
      <c r="B448" s="6" t="s">
        <v>1338</v>
      </c>
      <c r="C448" s="5" t="s">
        <v>368</v>
      </c>
      <c r="D448" s="5" t="s">
        <v>642</v>
      </c>
      <c r="E448" s="4" t="s">
        <v>849</v>
      </c>
    </row>
    <row r="449" spans="1:5" s="24" customFormat="1" ht="23.1" customHeight="1" x14ac:dyDescent="0.2">
      <c r="A449" s="27">
        <v>447</v>
      </c>
      <c r="B449" s="6" t="s">
        <v>1339</v>
      </c>
      <c r="C449" s="5" t="s">
        <v>369</v>
      </c>
      <c r="D449" s="5" t="s">
        <v>643</v>
      </c>
      <c r="E449" s="4" t="s">
        <v>849</v>
      </c>
    </row>
    <row r="450" spans="1:5" ht="23.1" customHeight="1" x14ac:dyDescent="0.2">
      <c r="A450" s="27">
        <v>448</v>
      </c>
      <c r="B450" s="6" t="s">
        <v>1340</v>
      </c>
      <c r="C450" s="5" t="s">
        <v>370</v>
      </c>
      <c r="D450" s="5" t="s">
        <v>644</v>
      </c>
      <c r="E450" s="4" t="s">
        <v>849</v>
      </c>
    </row>
    <row r="451" spans="1:5" ht="22.8" customHeight="1" x14ac:dyDescent="0.2">
      <c r="A451" s="27">
        <v>449</v>
      </c>
      <c r="B451" s="6" t="s">
        <v>1971</v>
      </c>
      <c r="C451" s="5" t="s">
        <v>1969</v>
      </c>
      <c r="D451" s="5" t="s">
        <v>1970</v>
      </c>
      <c r="E451" s="4" t="s">
        <v>849</v>
      </c>
    </row>
    <row r="452" spans="1:5" ht="23.1" customHeight="1" x14ac:dyDescent="0.2">
      <c r="A452" s="27">
        <v>450</v>
      </c>
      <c r="B452" s="6" t="s">
        <v>2100</v>
      </c>
      <c r="C452" s="5" t="s">
        <v>2099</v>
      </c>
      <c r="D452" s="5" t="s">
        <v>2098</v>
      </c>
      <c r="E452" s="4" t="s">
        <v>849</v>
      </c>
    </row>
    <row r="453" spans="1:5" ht="23.1" customHeight="1" x14ac:dyDescent="0.2">
      <c r="A453" s="27">
        <v>451</v>
      </c>
      <c r="B453" s="6" t="s">
        <v>2722</v>
      </c>
      <c r="C453" s="5" t="s">
        <v>2721</v>
      </c>
      <c r="D453" s="5" t="s">
        <v>2720</v>
      </c>
      <c r="E453" s="4" t="s">
        <v>849</v>
      </c>
    </row>
    <row r="454" spans="1:5" ht="23.1" customHeight="1" x14ac:dyDescent="0.2">
      <c r="A454" s="27">
        <v>452</v>
      </c>
      <c r="B454" s="26" t="s">
        <v>3005</v>
      </c>
      <c r="C454" s="1" t="s">
        <v>3004</v>
      </c>
      <c r="D454" s="1" t="s">
        <v>3003</v>
      </c>
      <c r="E454" s="2" t="s">
        <v>3</v>
      </c>
    </row>
    <row r="455" spans="1:5" s="24" customFormat="1" ht="23.1" customHeight="1" x14ac:dyDescent="0.2">
      <c r="A455" s="27">
        <v>453</v>
      </c>
      <c r="B455" s="6" t="s">
        <v>2710</v>
      </c>
      <c r="C455" s="5" t="s">
        <v>2708</v>
      </c>
      <c r="D455" s="5" t="s">
        <v>2709</v>
      </c>
      <c r="E455" s="4" t="s">
        <v>3</v>
      </c>
    </row>
    <row r="456" spans="1:5" s="24" customFormat="1" ht="23.1" customHeight="1" x14ac:dyDescent="0.2">
      <c r="A456" s="27">
        <v>454</v>
      </c>
      <c r="B456" s="6" t="s">
        <v>1341</v>
      </c>
      <c r="C456" s="5" t="s">
        <v>372</v>
      </c>
      <c r="D456" s="5" t="s">
        <v>2190</v>
      </c>
      <c r="E456" s="4" t="s">
        <v>849</v>
      </c>
    </row>
    <row r="457" spans="1:5" s="24" customFormat="1" ht="23.1" customHeight="1" x14ac:dyDescent="0.2">
      <c r="A457" s="27">
        <v>455</v>
      </c>
      <c r="B457" s="6" t="s">
        <v>1342</v>
      </c>
      <c r="C457" s="5" t="s">
        <v>371</v>
      </c>
      <c r="D457" s="5" t="s">
        <v>645</v>
      </c>
      <c r="E457" s="4" t="s">
        <v>849</v>
      </c>
    </row>
    <row r="458" spans="1:5" s="24" customFormat="1" ht="23.1" customHeight="1" x14ac:dyDescent="0.2">
      <c r="A458" s="27">
        <v>456</v>
      </c>
      <c r="B458" s="6" t="s">
        <v>1343</v>
      </c>
      <c r="C458" s="5" t="s">
        <v>373</v>
      </c>
      <c r="D458" s="5" t="s">
        <v>646</v>
      </c>
      <c r="E458" s="4" t="s">
        <v>849</v>
      </c>
    </row>
    <row r="459" spans="1:5" s="24" customFormat="1" ht="23.1" customHeight="1" x14ac:dyDescent="0.2">
      <c r="A459" s="27">
        <v>457</v>
      </c>
      <c r="B459" s="6" t="s">
        <v>1344</v>
      </c>
      <c r="C459" s="5" t="s">
        <v>374</v>
      </c>
      <c r="D459" s="5" t="s">
        <v>647</v>
      </c>
      <c r="E459" s="4" t="s">
        <v>849</v>
      </c>
    </row>
    <row r="460" spans="1:5" s="24" customFormat="1" ht="23.1" customHeight="1" x14ac:dyDescent="0.2">
      <c r="A460" s="27">
        <v>458</v>
      </c>
      <c r="B460" s="6" t="s">
        <v>1345</v>
      </c>
      <c r="C460" s="5" t="s">
        <v>375</v>
      </c>
      <c r="D460" s="5" t="s">
        <v>648</v>
      </c>
      <c r="E460" s="4" t="s">
        <v>849</v>
      </c>
    </row>
    <row r="461" spans="1:5" s="24" customFormat="1" ht="23.1" customHeight="1" x14ac:dyDescent="0.2">
      <c r="A461" s="27">
        <v>459</v>
      </c>
      <c r="B461" s="26" t="s">
        <v>2110</v>
      </c>
      <c r="C461" s="1" t="s">
        <v>2109</v>
      </c>
      <c r="D461" s="1" t="s">
        <v>2120</v>
      </c>
      <c r="E461" s="2" t="s">
        <v>849</v>
      </c>
    </row>
    <row r="462" spans="1:5" s="24" customFormat="1" ht="23.1" customHeight="1" x14ac:dyDescent="0.2">
      <c r="A462" s="27">
        <v>460</v>
      </c>
      <c r="B462" s="26" t="s">
        <v>2971</v>
      </c>
      <c r="C462" s="1" t="s">
        <v>2969</v>
      </c>
      <c r="D462" s="1" t="s">
        <v>2970</v>
      </c>
      <c r="E462" s="2" t="s">
        <v>3</v>
      </c>
    </row>
    <row r="463" spans="1:5" ht="23.1" customHeight="1" x14ac:dyDescent="0.2">
      <c r="A463" s="27">
        <v>461</v>
      </c>
      <c r="B463" s="26" t="s">
        <v>1346</v>
      </c>
      <c r="C463" s="1" t="s">
        <v>376</v>
      </c>
      <c r="D463" s="1" t="s">
        <v>649</v>
      </c>
      <c r="E463" s="2" t="s">
        <v>849</v>
      </c>
    </row>
    <row r="464" spans="1:5" ht="23.1" customHeight="1" x14ac:dyDescent="0.2">
      <c r="A464" s="27">
        <v>462</v>
      </c>
      <c r="B464" s="26" t="s">
        <v>1347</v>
      </c>
      <c r="C464" s="1" t="s">
        <v>377</v>
      </c>
      <c r="D464" s="1" t="s">
        <v>650</v>
      </c>
      <c r="E464" s="2" t="s">
        <v>849</v>
      </c>
    </row>
    <row r="465" spans="1:5" ht="37.799999999999997" customHeight="1" x14ac:dyDescent="0.2">
      <c r="A465" s="27">
        <v>463</v>
      </c>
      <c r="B465" s="2" t="s">
        <v>1597</v>
      </c>
      <c r="C465" s="20" t="s">
        <v>1603</v>
      </c>
      <c r="D465" s="1" t="s">
        <v>1606</v>
      </c>
      <c r="E465" s="2" t="s">
        <v>849</v>
      </c>
    </row>
    <row r="466" spans="1:5" ht="23.1" customHeight="1" x14ac:dyDescent="0.2">
      <c r="A466" s="27">
        <v>464</v>
      </c>
      <c r="B466" s="26" t="s">
        <v>1348</v>
      </c>
      <c r="C466" s="1" t="s">
        <v>378</v>
      </c>
      <c r="D466" s="1" t="s">
        <v>651</v>
      </c>
      <c r="E466" s="2" t="s">
        <v>849</v>
      </c>
    </row>
    <row r="467" spans="1:5" ht="23.1" customHeight="1" x14ac:dyDescent="0.2">
      <c r="A467" s="27">
        <v>465</v>
      </c>
      <c r="B467" s="26" t="s">
        <v>1349</v>
      </c>
      <c r="C467" s="1" t="s">
        <v>379</v>
      </c>
      <c r="D467" s="1" t="s">
        <v>652</v>
      </c>
      <c r="E467" s="2" t="s">
        <v>849</v>
      </c>
    </row>
    <row r="468" spans="1:5" ht="23.1" customHeight="1" x14ac:dyDescent="0.2">
      <c r="A468" s="27">
        <v>466</v>
      </c>
      <c r="B468" s="26" t="s">
        <v>1356</v>
      </c>
      <c r="C468" s="1" t="s">
        <v>386</v>
      </c>
      <c r="D468" s="1" t="s">
        <v>658</v>
      </c>
      <c r="E468" s="2" t="s">
        <v>849</v>
      </c>
    </row>
    <row r="469" spans="1:5" ht="23.1" customHeight="1" x14ac:dyDescent="0.2">
      <c r="A469" s="27">
        <v>467</v>
      </c>
      <c r="B469" s="26" t="s">
        <v>1551</v>
      </c>
      <c r="C469" s="1" t="s">
        <v>1466</v>
      </c>
      <c r="D469" s="1" t="s">
        <v>1552</v>
      </c>
      <c r="E469" s="2" t="s">
        <v>849</v>
      </c>
    </row>
    <row r="470" spans="1:5" ht="23.1" customHeight="1" x14ac:dyDescent="0.2">
      <c r="A470" s="27">
        <v>468</v>
      </c>
      <c r="B470" s="26" t="s">
        <v>1353</v>
      </c>
      <c r="C470" s="1" t="s">
        <v>383</v>
      </c>
      <c r="D470" s="1" t="s">
        <v>655</v>
      </c>
      <c r="E470" s="2" t="s">
        <v>849</v>
      </c>
    </row>
    <row r="471" spans="1:5" ht="23.1" customHeight="1" x14ac:dyDescent="0.2">
      <c r="A471" s="27">
        <v>469</v>
      </c>
      <c r="B471" s="26" t="s">
        <v>1354</v>
      </c>
      <c r="C471" s="1" t="s">
        <v>384</v>
      </c>
      <c r="D471" s="1" t="s">
        <v>656</v>
      </c>
      <c r="E471" s="2" t="s">
        <v>849</v>
      </c>
    </row>
    <row r="472" spans="1:5" ht="23.1" customHeight="1" x14ac:dyDescent="0.2">
      <c r="A472" s="27">
        <v>470</v>
      </c>
      <c r="B472" s="26" t="s">
        <v>2956</v>
      </c>
      <c r="C472" s="1" t="s">
        <v>2955</v>
      </c>
      <c r="D472" s="1" t="s">
        <v>2954</v>
      </c>
      <c r="E472" s="2" t="s">
        <v>3</v>
      </c>
    </row>
    <row r="473" spans="1:5" ht="23.1" customHeight="1" x14ac:dyDescent="0.2">
      <c r="A473" s="27">
        <v>471</v>
      </c>
      <c r="B473" s="6" t="s">
        <v>1351</v>
      </c>
      <c r="C473" s="5" t="s">
        <v>381</v>
      </c>
      <c r="D473" s="5" t="s">
        <v>654</v>
      </c>
      <c r="E473" s="4" t="s">
        <v>849</v>
      </c>
    </row>
    <row r="474" spans="1:5" ht="23.1" customHeight="1" x14ac:dyDescent="0.2">
      <c r="A474" s="27">
        <v>472</v>
      </c>
      <c r="B474" s="6" t="s">
        <v>1350</v>
      </c>
      <c r="C474" s="5" t="s">
        <v>380</v>
      </c>
      <c r="D474" s="5" t="s">
        <v>653</v>
      </c>
      <c r="E474" s="4" t="s">
        <v>849</v>
      </c>
    </row>
    <row r="475" spans="1:5" ht="23.1" customHeight="1" x14ac:dyDescent="0.2">
      <c r="A475" s="27">
        <v>473</v>
      </c>
      <c r="B475" s="6" t="s">
        <v>1355</v>
      </c>
      <c r="C475" s="5" t="s">
        <v>385</v>
      </c>
      <c r="D475" s="5" t="s">
        <v>657</v>
      </c>
      <c r="E475" s="4" t="s">
        <v>849</v>
      </c>
    </row>
    <row r="476" spans="1:5" ht="23.1" customHeight="1" x14ac:dyDescent="0.2">
      <c r="A476" s="27">
        <v>474</v>
      </c>
      <c r="B476" s="6" t="s">
        <v>2855</v>
      </c>
      <c r="C476" s="5" t="s">
        <v>2853</v>
      </c>
      <c r="D476" s="5" t="s">
        <v>2854</v>
      </c>
      <c r="E476" s="4" t="s">
        <v>849</v>
      </c>
    </row>
    <row r="477" spans="1:5" ht="23.1" customHeight="1" x14ac:dyDescent="0.2">
      <c r="A477" s="27">
        <v>475</v>
      </c>
      <c r="B477" s="6" t="s">
        <v>1357</v>
      </c>
      <c r="C477" s="5" t="s">
        <v>387</v>
      </c>
      <c r="D477" s="5" t="s">
        <v>659</v>
      </c>
      <c r="E477" s="4" t="s">
        <v>849</v>
      </c>
    </row>
    <row r="478" spans="1:5" ht="23.1" customHeight="1" x14ac:dyDescent="0.2">
      <c r="A478" s="27">
        <v>476</v>
      </c>
      <c r="B478" s="6" t="s">
        <v>1358</v>
      </c>
      <c r="C478" s="5" t="s">
        <v>388</v>
      </c>
      <c r="D478" s="5" t="s">
        <v>660</v>
      </c>
      <c r="E478" s="4" t="s">
        <v>849</v>
      </c>
    </row>
    <row r="479" spans="1:5" ht="23.1" customHeight="1" x14ac:dyDescent="0.2">
      <c r="A479" s="27">
        <v>477</v>
      </c>
      <c r="B479" s="6" t="s">
        <v>1655</v>
      </c>
      <c r="C479" s="6" t="s">
        <v>1657</v>
      </c>
      <c r="D479" s="6" t="s">
        <v>1660</v>
      </c>
      <c r="E479" s="4" t="s">
        <v>1630</v>
      </c>
    </row>
    <row r="480" spans="1:5" ht="23.1" customHeight="1" x14ac:dyDescent="0.2">
      <c r="A480" s="27">
        <v>478</v>
      </c>
      <c r="B480" s="6" t="s">
        <v>1386</v>
      </c>
      <c r="C480" s="5" t="s">
        <v>403</v>
      </c>
      <c r="D480" s="5" t="s">
        <v>675</v>
      </c>
      <c r="E480" s="4" t="s">
        <v>849</v>
      </c>
    </row>
    <row r="481" spans="1:5" ht="23.1" customHeight="1" x14ac:dyDescent="0.2">
      <c r="A481" s="27">
        <v>479</v>
      </c>
      <c r="B481" s="6" t="s">
        <v>1387</v>
      </c>
      <c r="C481" s="5" t="s">
        <v>2534</v>
      </c>
      <c r="D481" s="5" t="s">
        <v>676</v>
      </c>
      <c r="E481" s="4" t="s">
        <v>849</v>
      </c>
    </row>
    <row r="482" spans="1:5" ht="23.1" customHeight="1" x14ac:dyDescent="0.2">
      <c r="A482" s="27">
        <v>480</v>
      </c>
      <c r="B482" s="6" t="s">
        <v>1388</v>
      </c>
      <c r="C482" s="5" t="s">
        <v>404</v>
      </c>
      <c r="D482" s="5" t="s">
        <v>677</v>
      </c>
      <c r="E482" s="4" t="s">
        <v>849</v>
      </c>
    </row>
    <row r="483" spans="1:5" s="24" customFormat="1" ht="23.1" customHeight="1" x14ac:dyDescent="0.2">
      <c r="A483" s="27">
        <v>481</v>
      </c>
      <c r="B483" s="6" t="s">
        <v>1389</v>
      </c>
      <c r="C483" s="5" t="s">
        <v>405</v>
      </c>
      <c r="D483" s="5" t="s">
        <v>678</v>
      </c>
      <c r="E483" s="4" t="s">
        <v>849</v>
      </c>
    </row>
    <row r="484" spans="1:5" ht="23.1" customHeight="1" x14ac:dyDescent="0.2">
      <c r="A484" s="27">
        <v>482</v>
      </c>
      <c r="B484" s="6" t="s">
        <v>1390</v>
      </c>
      <c r="C484" s="5" t="s">
        <v>406</v>
      </c>
      <c r="D484" s="5" t="s">
        <v>679</v>
      </c>
      <c r="E484" s="4" t="s">
        <v>849</v>
      </c>
    </row>
    <row r="485" spans="1:5" ht="23.1" customHeight="1" x14ac:dyDescent="0.2">
      <c r="A485" s="27">
        <v>483</v>
      </c>
      <c r="B485" s="6" t="s">
        <v>1391</v>
      </c>
      <c r="C485" s="5" t="s">
        <v>407</v>
      </c>
      <c r="D485" s="5" t="s">
        <v>680</v>
      </c>
      <c r="E485" s="4" t="s">
        <v>849</v>
      </c>
    </row>
    <row r="486" spans="1:5" ht="23.1" customHeight="1" x14ac:dyDescent="0.2">
      <c r="A486" s="27">
        <v>484</v>
      </c>
      <c r="B486" s="6" t="s">
        <v>1392</v>
      </c>
      <c r="C486" s="5" t="s">
        <v>408</v>
      </c>
      <c r="D486" s="5" t="s">
        <v>681</v>
      </c>
      <c r="E486" s="4" t="s">
        <v>849</v>
      </c>
    </row>
    <row r="487" spans="1:5" ht="23.1" customHeight="1" x14ac:dyDescent="0.2">
      <c r="A487" s="27">
        <v>485</v>
      </c>
      <c r="B487" s="6" t="s">
        <v>1393</v>
      </c>
      <c r="C487" s="5" t="s">
        <v>1475</v>
      </c>
      <c r="D487" s="5" t="s">
        <v>682</v>
      </c>
      <c r="E487" s="4" t="s">
        <v>849</v>
      </c>
    </row>
    <row r="488" spans="1:5" ht="23.1" customHeight="1" x14ac:dyDescent="0.2">
      <c r="A488" s="27">
        <v>486</v>
      </c>
      <c r="B488" s="6" t="s">
        <v>2443</v>
      </c>
      <c r="C488" s="5" t="s">
        <v>409</v>
      </c>
      <c r="D488" s="5" t="s">
        <v>683</v>
      </c>
      <c r="E488" s="4" t="s">
        <v>849</v>
      </c>
    </row>
    <row r="489" spans="1:5" ht="23.1" customHeight="1" x14ac:dyDescent="0.2">
      <c r="A489" s="27">
        <v>487</v>
      </c>
      <c r="B489" s="6" t="s">
        <v>2444</v>
      </c>
      <c r="C489" s="5" t="s">
        <v>2441</v>
      </c>
      <c r="D489" s="5" t="s">
        <v>2442</v>
      </c>
      <c r="E489" s="4" t="s">
        <v>3</v>
      </c>
    </row>
    <row r="490" spans="1:5" ht="23.1" customHeight="1" x14ac:dyDescent="0.2">
      <c r="A490" s="27">
        <v>488</v>
      </c>
      <c r="B490" s="26" t="s">
        <v>3011</v>
      </c>
      <c r="C490" s="1" t="s">
        <v>3010</v>
      </c>
      <c r="D490" s="1" t="s">
        <v>3009</v>
      </c>
      <c r="E490" s="2" t="s">
        <v>3</v>
      </c>
    </row>
    <row r="491" spans="1:5" ht="23.1" customHeight="1" x14ac:dyDescent="0.2">
      <c r="A491" s="27">
        <v>489</v>
      </c>
      <c r="B491" s="2" t="s">
        <v>2016</v>
      </c>
      <c r="C491" s="2" t="s">
        <v>2015</v>
      </c>
      <c r="D491" s="2" t="s">
        <v>2014</v>
      </c>
      <c r="E491" s="2" t="s">
        <v>3</v>
      </c>
    </row>
    <row r="492" spans="1:5" ht="23.1" customHeight="1" x14ac:dyDescent="0.2">
      <c r="A492" s="27">
        <v>490</v>
      </c>
      <c r="B492" s="2" t="s">
        <v>2018</v>
      </c>
      <c r="C492" s="2" t="s">
        <v>2017</v>
      </c>
      <c r="D492" s="2" t="s">
        <v>2014</v>
      </c>
      <c r="E492" s="2" t="s">
        <v>3</v>
      </c>
    </row>
    <row r="493" spans="1:5" ht="23.1" customHeight="1" x14ac:dyDescent="0.2">
      <c r="A493" s="27">
        <v>491</v>
      </c>
      <c r="B493" s="2" t="s">
        <v>2758</v>
      </c>
      <c r="C493" s="2" t="s">
        <v>2756</v>
      </c>
      <c r="D493" s="2" t="s">
        <v>2757</v>
      </c>
      <c r="E493" s="2" t="s">
        <v>3</v>
      </c>
    </row>
    <row r="494" spans="1:5" ht="23.1" customHeight="1" x14ac:dyDescent="0.2">
      <c r="A494" s="27">
        <v>492</v>
      </c>
      <c r="B494" s="26" t="s">
        <v>1442</v>
      </c>
      <c r="C494" s="1" t="s">
        <v>1443</v>
      </c>
      <c r="D494" s="1" t="s">
        <v>1444</v>
      </c>
      <c r="E494" s="2" t="s">
        <v>3</v>
      </c>
    </row>
    <row r="495" spans="1:5" ht="23.1" customHeight="1" x14ac:dyDescent="0.2">
      <c r="A495" s="27">
        <v>493</v>
      </c>
      <c r="B495" s="26" t="s">
        <v>2713</v>
      </c>
      <c r="C495" s="1" t="s">
        <v>449</v>
      </c>
      <c r="D495" s="1" t="s">
        <v>724</v>
      </c>
      <c r="E495" s="2" t="s">
        <v>849</v>
      </c>
    </row>
    <row r="496" spans="1:5" ht="23.1" customHeight="1" x14ac:dyDescent="0.2">
      <c r="A496" s="27">
        <v>494</v>
      </c>
      <c r="B496" s="26" t="s">
        <v>2714</v>
      </c>
      <c r="C496" s="1" t="s">
        <v>2711</v>
      </c>
      <c r="D496" s="1" t="s">
        <v>2712</v>
      </c>
      <c r="E496" s="2" t="s">
        <v>3</v>
      </c>
    </row>
    <row r="497" spans="1:5" ht="23.1" customHeight="1" x14ac:dyDescent="0.2">
      <c r="A497" s="27">
        <v>495</v>
      </c>
      <c r="B497" s="26" t="s">
        <v>2196</v>
      </c>
      <c r="C497" s="1" t="s">
        <v>450</v>
      </c>
      <c r="D497" s="1" t="s">
        <v>725</v>
      </c>
      <c r="E497" s="2" t="s">
        <v>849</v>
      </c>
    </row>
    <row r="498" spans="1:5" ht="23.1" customHeight="1" x14ac:dyDescent="0.2">
      <c r="A498" s="27">
        <v>496</v>
      </c>
      <c r="B498" s="26" t="s">
        <v>2197</v>
      </c>
      <c r="C498" s="1" t="s">
        <v>2194</v>
      </c>
      <c r="D498" s="1" t="s">
        <v>2195</v>
      </c>
      <c r="E498" s="2" t="s">
        <v>849</v>
      </c>
    </row>
    <row r="499" spans="1:5" ht="23.1" customHeight="1" x14ac:dyDescent="0.2">
      <c r="A499" s="27">
        <v>497</v>
      </c>
      <c r="B499" s="26" t="s">
        <v>2262</v>
      </c>
      <c r="C499" s="1" t="s">
        <v>2261</v>
      </c>
      <c r="D499" s="1" t="s">
        <v>2260</v>
      </c>
      <c r="E499" s="2" t="s">
        <v>3</v>
      </c>
    </row>
    <row r="500" spans="1:5" ht="23.1" customHeight="1" x14ac:dyDescent="0.2">
      <c r="A500" s="27">
        <v>498</v>
      </c>
      <c r="B500" s="26" t="s">
        <v>2140</v>
      </c>
      <c r="C500" s="1" t="s">
        <v>2138</v>
      </c>
      <c r="D500" s="1" t="s">
        <v>2139</v>
      </c>
      <c r="E500" s="2" t="s">
        <v>3</v>
      </c>
    </row>
    <row r="501" spans="1:5" ht="23.1" customHeight="1" x14ac:dyDescent="0.2">
      <c r="A501" s="27">
        <v>499</v>
      </c>
      <c r="B501" s="26" t="s">
        <v>1862</v>
      </c>
      <c r="C501" s="1" t="s">
        <v>1860</v>
      </c>
      <c r="D501" s="1" t="s">
        <v>1861</v>
      </c>
      <c r="E501" s="2" t="s">
        <v>3</v>
      </c>
    </row>
    <row r="502" spans="1:5" ht="23.1" customHeight="1" x14ac:dyDescent="0.2">
      <c r="A502" s="27">
        <v>500</v>
      </c>
      <c r="B502" s="26" t="s">
        <v>2990</v>
      </c>
      <c r="C502" s="1" t="s">
        <v>2989</v>
      </c>
      <c r="D502" s="1" t="s">
        <v>2988</v>
      </c>
      <c r="E502" s="2" t="s">
        <v>3</v>
      </c>
    </row>
    <row r="503" spans="1:5" ht="23.1" customHeight="1" x14ac:dyDescent="0.2">
      <c r="A503" s="27">
        <v>501</v>
      </c>
      <c r="B503" s="6" t="s">
        <v>2671</v>
      </c>
      <c r="C503" s="5" t="s">
        <v>2669</v>
      </c>
      <c r="D503" s="5" t="s">
        <v>2670</v>
      </c>
      <c r="E503" s="4" t="s">
        <v>849</v>
      </c>
    </row>
    <row r="504" spans="1:5" ht="23.1" customHeight="1" x14ac:dyDescent="0.2">
      <c r="A504" s="27">
        <v>502</v>
      </c>
      <c r="B504" s="6" t="s">
        <v>2858</v>
      </c>
      <c r="C504" s="5" t="s">
        <v>2856</v>
      </c>
      <c r="D504" s="5" t="s">
        <v>2857</v>
      </c>
      <c r="E504" s="4" t="s">
        <v>3</v>
      </c>
    </row>
    <row r="505" spans="1:5" ht="23.1" customHeight="1" x14ac:dyDescent="0.2">
      <c r="A505" s="27">
        <v>503</v>
      </c>
      <c r="B505" s="6" t="s">
        <v>2780</v>
      </c>
      <c r="C505" s="5" t="s">
        <v>2778</v>
      </c>
      <c r="D505" s="5" t="s">
        <v>2779</v>
      </c>
      <c r="E505" s="4" t="s">
        <v>3</v>
      </c>
    </row>
    <row r="506" spans="1:5" ht="23.1" customHeight="1" x14ac:dyDescent="0.2">
      <c r="A506" s="27">
        <v>504</v>
      </c>
      <c r="B506" s="6" t="s">
        <v>2500</v>
      </c>
      <c r="C506" s="5" t="s">
        <v>2499</v>
      </c>
      <c r="D506" s="5" t="s">
        <v>2498</v>
      </c>
      <c r="E506" s="4" t="s">
        <v>3</v>
      </c>
    </row>
    <row r="507" spans="1:5" s="24" customFormat="1" ht="23.1" customHeight="1" x14ac:dyDescent="0.2">
      <c r="A507" s="27">
        <v>505</v>
      </c>
      <c r="B507" s="6" t="s">
        <v>1933</v>
      </c>
      <c r="C507" s="5" t="s">
        <v>1931</v>
      </c>
      <c r="D507" s="5" t="s">
        <v>1932</v>
      </c>
      <c r="E507" s="4" t="s">
        <v>3</v>
      </c>
    </row>
    <row r="508" spans="1:5" ht="23.1" customHeight="1" x14ac:dyDescent="0.2">
      <c r="A508" s="27">
        <v>506</v>
      </c>
      <c r="B508" s="6" t="s">
        <v>2764</v>
      </c>
      <c r="C508" s="5" t="s">
        <v>2762</v>
      </c>
      <c r="D508" s="5" t="s">
        <v>2763</v>
      </c>
      <c r="E508" s="4" t="s">
        <v>3</v>
      </c>
    </row>
    <row r="509" spans="1:5" ht="23.1" customHeight="1" x14ac:dyDescent="0.2">
      <c r="A509" s="27">
        <v>507</v>
      </c>
      <c r="B509" s="6" t="s">
        <v>1445</v>
      </c>
      <c r="C509" s="5" t="s">
        <v>451</v>
      </c>
      <c r="D509" s="5" t="s">
        <v>726</v>
      </c>
      <c r="E509" s="4" t="s">
        <v>849</v>
      </c>
    </row>
    <row r="510" spans="1:5" ht="23.1" customHeight="1" x14ac:dyDescent="0.2">
      <c r="A510" s="27">
        <v>508</v>
      </c>
      <c r="B510" s="6" t="s">
        <v>1446</v>
      </c>
      <c r="C510" s="5" t="s">
        <v>452</v>
      </c>
      <c r="D510" s="5" t="s">
        <v>727</v>
      </c>
      <c r="E510" s="4" t="s">
        <v>849</v>
      </c>
    </row>
    <row r="511" spans="1:5" ht="23.1" customHeight="1" x14ac:dyDescent="0.2">
      <c r="A511" s="27">
        <v>509</v>
      </c>
      <c r="B511" s="6" t="s">
        <v>2638</v>
      </c>
      <c r="C511" s="5" t="s">
        <v>453</v>
      </c>
      <c r="D511" s="5" t="s">
        <v>2636</v>
      </c>
      <c r="E511" s="4" t="s">
        <v>849</v>
      </c>
    </row>
    <row r="512" spans="1:5" ht="23.1" customHeight="1" x14ac:dyDescent="0.2">
      <c r="A512" s="27">
        <v>510</v>
      </c>
      <c r="B512" s="6" t="s">
        <v>2639</v>
      </c>
      <c r="C512" s="5" t="s">
        <v>2635</v>
      </c>
      <c r="D512" s="5" t="s">
        <v>2637</v>
      </c>
      <c r="E512" s="4" t="s">
        <v>3</v>
      </c>
    </row>
    <row r="513" spans="1:5" ht="23.1" customHeight="1" x14ac:dyDescent="0.2">
      <c r="A513" s="27">
        <v>511</v>
      </c>
      <c r="B513" s="6" t="s">
        <v>1447</v>
      </c>
      <c r="C513" s="5" t="s">
        <v>454</v>
      </c>
      <c r="D513" s="5" t="s">
        <v>728</v>
      </c>
      <c r="E513" s="4" t="s">
        <v>849</v>
      </c>
    </row>
    <row r="514" spans="1:5" ht="23.1" customHeight="1" x14ac:dyDescent="0.2">
      <c r="A514" s="27">
        <v>512</v>
      </c>
      <c r="B514" s="6" t="s">
        <v>1448</v>
      </c>
      <c r="C514" s="5" t="s">
        <v>1449</v>
      </c>
      <c r="D514" s="5" t="s">
        <v>1450</v>
      </c>
      <c r="E514" s="4" t="s">
        <v>3</v>
      </c>
    </row>
    <row r="515" spans="1:5" ht="23.1" customHeight="1" x14ac:dyDescent="0.2">
      <c r="A515" s="27">
        <v>513</v>
      </c>
      <c r="B515" s="6" t="s">
        <v>1451</v>
      </c>
      <c r="C515" s="5" t="s">
        <v>829</v>
      </c>
      <c r="D515" s="5" t="s">
        <v>1452</v>
      </c>
      <c r="E515" s="4" t="s">
        <v>849</v>
      </c>
    </row>
    <row r="516" spans="1:5" ht="23.1" customHeight="1" x14ac:dyDescent="0.2">
      <c r="A516" s="27">
        <v>514</v>
      </c>
      <c r="B516" s="6" t="s">
        <v>1453</v>
      </c>
      <c r="C516" s="5" t="s">
        <v>455</v>
      </c>
      <c r="D516" s="5" t="s">
        <v>729</v>
      </c>
      <c r="E516" s="4" t="s">
        <v>849</v>
      </c>
    </row>
    <row r="517" spans="1:5" ht="23.1" customHeight="1" x14ac:dyDescent="0.2">
      <c r="A517" s="27">
        <v>515</v>
      </c>
      <c r="B517" s="6" t="s">
        <v>1688</v>
      </c>
      <c r="C517" s="4" t="s">
        <v>1694</v>
      </c>
      <c r="D517" s="4" t="s">
        <v>1697</v>
      </c>
      <c r="E517" s="4" t="s">
        <v>3</v>
      </c>
    </row>
    <row r="518" spans="1:5" ht="23.1" customHeight="1" x14ac:dyDescent="0.2">
      <c r="A518" s="27">
        <v>516</v>
      </c>
      <c r="B518" s="6" t="s">
        <v>1454</v>
      </c>
      <c r="C518" s="5" t="s">
        <v>456</v>
      </c>
      <c r="D518" s="5" t="s">
        <v>730</v>
      </c>
      <c r="E518" s="4" t="s">
        <v>3</v>
      </c>
    </row>
    <row r="519" spans="1:5" ht="23.1" customHeight="1" x14ac:dyDescent="0.2">
      <c r="A519" s="27">
        <v>517</v>
      </c>
      <c r="B519" s="6" t="s">
        <v>1927</v>
      </c>
      <c r="C519" s="5" t="s">
        <v>1925</v>
      </c>
      <c r="D519" s="5" t="s">
        <v>1926</v>
      </c>
      <c r="E519" s="4" t="s">
        <v>3</v>
      </c>
    </row>
    <row r="520" spans="1:5" ht="23.1" customHeight="1" x14ac:dyDescent="0.2">
      <c r="A520" s="27">
        <v>518</v>
      </c>
      <c r="B520" s="6" t="s">
        <v>1924</v>
      </c>
      <c r="C520" s="5" t="s">
        <v>1922</v>
      </c>
      <c r="D520" s="5" t="s">
        <v>1923</v>
      </c>
      <c r="E520" s="4" t="s">
        <v>3</v>
      </c>
    </row>
    <row r="521" spans="1:5" ht="23.1" customHeight="1" x14ac:dyDescent="0.2">
      <c r="A521" s="27">
        <v>519</v>
      </c>
      <c r="B521" s="6" t="s">
        <v>2849</v>
      </c>
      <c r="C521" s="5" t="s">
        <v>2847</v>
      </c>
      <c r="D521" s="5" t="s">
        <v>2848</v>
      </c>
      <c r="E521" s="4" t="s">
        <v>3</v>
      </c>
    </row>
    <row r="522" spans="1:5" s="24" customFormat="1" ht="23.1" customHeight="1" x14ac:dyDescent="0.2">
      <c r="A522" s="27">
        <v>520</v>
      </c>
      <c r="B522" s="6" t="s">
        <v>1455</v>
      </c>
      <c r="C522" s="5" t="s">
        <v>457</v>
      </c>
      <c r="D522" s="5" t="s">
        <v>731</v>
      </c>
      <c r="E522" s="4" t="s">
        <v>3</v>
      </c>
    </row>
    <row r="523" spans="1:5" ht="23.1" customHeight="1" x14ac:dyDescent="0.2">
      <c r="A523" s="27">
        <v>521</v>
      </c>
      <c r="B523" s="6" t="s">
        <v>2312</v>
      </c>
      <c r="C523" s="5" t="s">
        <v>2311</v>
      </c>
      <c r="D523" s="5" t="s">
        <v>2310</v>
      </c>
      <c r="E523" s="4" t="s">
        <v>3</v>
      </c>
    </row>
    <row r="524" spans="1:5" ht="23.1" customHeight="1" x14ac:dyDescent="0.2">
      <c r="A524" s="27">
        <v>522</v>
      </c>
      <c r="B524" s="6" t="s">
        <v>2492</v>
      </c>
      <c r="C524" s="5" t="s">
        <v>2490</v>
      </c>
      <c r="D524" s="5" t="s">
        <v>2491</v>
      </c>
      <c r="E524" s="4" t="s">
        <v>3</v>
      </c>
    </row>
    <row r="525" spans="1:5" ht="23.1" customHeight="1" x14ac:dyDescent="0.2">
      <c r="A525" s="27">
        <v>523</v>
      </c>
      <c r="B525" s="4" t="s">
        <v>1713</v>
      </c>
      <c r="C525" s="4" t="s">
        <v>1706</v>
      </c>
      <c r="D525" s="4" t="s">
        <v>1720</v>
      </c>
      <c r="E525" s="4" t="s">
        <v>3</v>
      </c>
    </row>
    <row r="526" spans="1:5" ht="23.1" customHeight="1" x14ac:dyDescent="0.2">
      <c r="A526" s="27">
        <v>524</v>
      </c>
      <c r="B526" s="4" t="s">
        <v>2149</v>
      </c>
      <c r="C526" s="4" t="s">
        <v>2147</v>
      </c>
      <c r="D526" s="4" t="s">
        <v>2148</v>
      </c>
      <c r="E526" s="4" t="s">
        <v>3</v>
      </c>
    </row>
    <row r="527" spans="1:5" ht="23.1" customHeight="1" x14ac:dyDescent="0.2">
      <c r="A527" s="27">
        <v>525</v>
      </c>
      <c r="B527" s="4" t="s">
        <v>1718</v>
      </c>
      <c r="C527" s="4" t="s">
        <v>1711</v>
      </c>
      <c r="D527" s="4" t="s">
        <v>1725</v>
      </c>
      <c r="E527" s="4" t="s">
        <v>849</v>
      </c>
    </row>
    <row r="528" spans="1:5" ht="23.1" customHeight="1" x14ac:dyDescent="0.2">
      <c r="A528" s="27">
        <v>526</v>
      </c>
      <c r="B528" s="6" t="s">
        <v>1456</v>
      </c>
      <c r="C528" s="5" t="s">
        <v>458</v>
      </c>
      <c r="D528" s="5" t="s">
        <v>732</v>
      </c>
      <c r="E528" s="4" t="s">
        <v>3</v>
      </c>
    </row>
    <row r="529" spans="1:5" ht="23.1" customHeight="1" x14ac:dyDescent="0.2">
      <c r="A529" s="27">
        <v>527</v>
      </c>
      <c r="B529" s="6" t="s">
        <v>2203</v>
      </c>
      <c r="C529" s="5" t="s">
        <v>2059</v>
      </c>
      <c r="D529" s="5" t="s">
        <v>733</v>
      </c>
      <c r="E529" s="4" t="s">
        <v>3</v>
      </c>
    </row>
    <row r="530" spans="1:5" ht="23.1" customHeight="1" x14ac:dyDescent="0.2">
      <c r="A530" s="27">
        <v>528</v>
      </c>
      <c r="B530" s="6" t="s">
        <v>2204</v>
      </c>
      <c r="C530" s="5" t="s">
        <v>2202</v>
      </c>
      <c r="D530" s="5" t="s">
        <v>2201</v>
      </c>
      <c r="E530" s="4" t="s">
        <v>3</v>
      </c>
    </row>
    <row r="531" spans="1:5" ht="23.1" customHeight="1" x14ac:dyDescent="0.2">
      <c r="A531" s="27">
        <v>529</v>
      </c>
      <c r="B531" s="6" t="s">
        <v>1457</v>
      </c>
      <c r="C531" s="5" t="s">
        <v>459</v>
      </c>
      <c r="D531" s="5" t="s">
        <v>734</v>
      </c>
      <c r="E531" s="4" t="s">
        <v>849</v>
      </c>
    </row>
    <row r="532" spans="1:5" ht="23.1" customHeight="1" x14ac:dyDescent="0.2">
      <c r="A532" s="27">
        <v>530</v>
      </c>
      <c r="B532" s="6" t="s">
        <v>1458</v>
      </c>
      <c r="C532" s="5" t="s">
        <v>460</v>
      </c>
      <c r="D532" s="5" t="s">
        <v>735</v>
      </c>
      <c r="E532" s="4" t="s">
        <v>3</v>
      </c>
    </row>
    <row r="533" spans="1:5" ht="23.1" customHeight="1" x14ac:dyDescent="0.2">
      <c r="A533" s="27">
        <v>531</v>
      </c>
      <c r="B533" s="6" t="s">
        <v>2052</v>
      </c>
      <c r="C533" s="5" t="s">
        <v>2050</v>
      </c>
      <c r="D533" s="5" t="s">
        <v>2051</v>
      </c>
      <c r="E533" s="4" t="s">
        <v>3</v>
      </c>
    </row>
    <row r="534" spans="1:5" ht="23.1" customHeight="1" x14ac:dyDescent="0.2">
      <c r="A534" s="27">
        <v>532</v>
      </c>
      <c r="B534" s="6" t="s">
        <v>1560</v>
      </c>
      <c r="C534" s="5" t="s">
        <v>1561</v>
      </c>
      <c r="D534" s="5" t="s">
        <v>1562</v>
      </c>
      <c r="E534" s="4" t="s">
        <v>3</v>
      </c>
    </row>
    <row r="535" spans="1:5" ht="23.1" customHeight="1" x14ac:dyDescent="0.2">
      <c r="A535" s="27">
        <v>533</v>
      </c>
      <c r="B535" s="6" t="s">
        <v>2645</v>
      </c>
      <c r="C535" s="5" t="s">
        <v>2643</v>
      </c>
      <c r="D535" s="5" t="s">
        <v>2644</v>
      </c>
      <c r="E535" s="4" t="s">
        <v>3</v>
      </c>
    </row>
    <row r="536" spans="1:5" ht="23.1" customHeight="1" x14ac:dyDescent="0.2">
      <c r="A536" s="27">
        <v>534</v>
      </c>
      <c r="B536" s="4" t="s">
        <v>1663</v>
      </c>
      <c r="C536" s="4" t="s">
        <v>1670</v>
      </c>
      <c r="D536" s="4" t="s">
        <v>1679</v>
      </c>
      <c r="E536" s="4" t="s">
        <v>849</v>
      </c>
    </row>
    <row r="537" spans="1:5" ht="23.1" customHeight="1" x14ac:dyDescent="0.2">
      <c r="A537" s="27">
        <v>535</v>
      </c>
      <c r="B537" s="4" t="s">
        <v>2587</v>
      </c>
      <c r="C537" s="4" t="s">
        <v>2588</v>
      </c>
      <c r="D537" s="4" t="s">
        <v>2589</v>
      </c>
      <c r="E537" s="4" t="s">
        <v>3</v>
      </c>
    </row>
    <row r="538" spans="1:5" ht="23.1" customHeight="1" x14ac:dyDescent="0.2">
      <c r="A538" s="27">
        <v>536</v>
      </c>
      <c r="B538" s="4" t="s">
        <v>2021</v>
      </c>
      <c r="C538" s="4" t="s">
        <v>2019</v>
      </c>
      <c r="D538" s="4" t="s">
        <v>2020</v>
      </c>
      <c r="E538" s="4" t="s">
        <v>3</v>
      </c>
    </row>
    <row r="539" spans="1:5" ht="23.1" customHeight="1" x14ac:dyDescent="0.2">
      <c r="A539" s="27">
        <v>537</v>
      </c>
      <c r="B539" s="4" t="s">
        <v>1598</v>
      </c>
      <c r="C539" s="5" t="s">
        <v>1604</v>
      </c>
      <c r="D539" s="5" t="s">
        <v>1608</v>
      </c>
      <c r="E539" s="4" t="s">
        <v>3</v>
      </c>
    </row>
    <row r="540" spans="1:5" ht="23.1" customHeight="1" x14ac:dyDescent="0.2">
      <c r="A540" s="27">
        <v>538</v>
      </c>
      <c r="B540" s="6" t="s">
        <v>1459</v>
      </c>
      <c r="C540" s="5" t="s">
        <v>461</v>
      </c>
      <c r="D540" s="5" t="s">
        <v>736</v>
      </c>
      <c r="E540" s="4" t="s">
        <v>849</v>
      </c>
    </row>
    <row r="541" spans="1:5" ht="23.1" customHeight="1" x14ac:dyDescent="0.2">
      <c r="A541" s="27">
        <v>539</v>
      </c>
      <c r="B541" s="6" t="s">
        <v>2155</v>
      </c>
      <c r="C541" s="5" t="s">
        <v>2153</v>
      </c>
      <c r="D541" s="5" t="s">
        <v>2154</v>
      </c>
      <c r="E541" s="4" t="s">
        <v>3</v>
      </c>
    </row>
    <row r="542" spans="1:5" ht="23.1" customHeight="1" x14ac:dyDescent="0.2">
      <c r="A542" s="27">
        <v>540</v>
      </c>
      <c r="B542" s="6" t="s">
        <v>2341</v>
      </c>
      <c r="C542" s="5" t="s">
        <v>2339</v>
      </c>
      <c r="D542" s="5" t="s">
        <v>2338</v>
      </c>
      <c r="E542" s="4" t="s">
        <v>3</v>
      </c>
    </row>
    <row r="543" spans="1:5" ht="23.1" customHeight="1" x14ac:dyDescent="0.2">
      <c r="A543" s="27">
        <v>541</v>
      </c>
      <c r="B543" s="6" t="s">
        <v>2342</v>
      </c>
      <c r="C543" s="5" t="s">
        <v>2340</v>
      </c>
      <c r="D543" s="5" t="s">
        <v>2338</v>
      </c>
      <c r="E543" s="4" t="s">
        <v>3</v>
      </c>
    </row>
    <row r="544" spans="1:5" ht="23.1" customHeight="1" x14ac:dyDescent="0.2">
      <c r="A544" s="27">
        <v>542</v>
      </c>
      <c r="B544" s="6" t="s">
        <v>2908</v>
      </c>
      <c r="C544" s="5" t="s">
        <v>2907</v>
      </c>
      <c r="D544" s="5" t="s">
        <v>2906</v>
      </c>
      <c r="E544" s="4" t="s">
        <v>3</v>
      </c>
    </row>
    <row r="545" spans="1:5" ht="23.1" customHeight="1" x14ac:dyDescent="0.2">
      <c r="A545" s="27">
        <v>543</v>
      </c>
      <c r="B545" s="6" t="s">
        <v>1460</v>
      </c>
      <c r="C545" s="4" t="s">
        <v>462</v>
      </c>
      <c r="D545" s="4" t="s">
        <v>737</v>
      </c>
      <c r="E545" s="4" t="s">
        <v>849</v>
      </c>
    </row>
    <row r="546" spans="1:5" ht="23.1" customHeight="1" x14ac:dyDescent="0.2">
      <c r="A546" s="27">
        <v>544</v>
      </c>
      <c r="B546" s="6" t="s">
        <v>2822</v>
      </c>
      <c r="C546" s="4" t="s">
        <v>2820</v>
      </c>
      <c r="D546" s="4" t="s">
        <v>2821</v>
      </c>
      <c r="E546" s="4" t="s">
        <v>3</v>
      </c>
    </row>
    <row r="547" spans="1:5" ht="23.1" customHeight="1" x14ac:dyDescent="0.2">
      <c r="A547" s="27">
        <v>545</v>
      </c>
      <c r="B547" s="6" t="s">
        <v>1514</v>
      </c>
      <c r="C547" s="5" t="s">
        <v>1468</v>
      </c>
      <c r="D547" s="5" t="s">
        <v>1515</v>
      </c>
      <c r="E547" s="4" t="s">
        <v>3</v>
      </c>
    </row>
    <row r="548" spans="1:5" ht="23.1" customHeight="1" x14ac:dyDescent="0.2">
      <c r="A548" s="27">
        <v>546</v>
      </c>
      <c r="B548" s="6" t="s">
        <v>1094</v>
      </c>
      <c r="C548" s="5" t="s">
        <v>190</v>
      </c>
      <c r="D548" s="5" t="s">
        <v>484</v>
      </c>
      <c r="E548" s="4" t="s">
        <v>3</v>
      </c>
    </row>
    <row r="549" spans="1:5" ht="23.1" customHeight="1" x14ac:dyDescent="0.2">
      <c r="A549" s="27">
        <v>547</v>
      </c>
      <c r="B549" s="6" t="s">
        <v>1095</v>
      </c>
      <c r="C549" s="5" t="s">
        <v>191</v>
      </c>
      <c r="D549" s="5" t="s">
        <v>1819</v>
      </c>
      <c r="E549" s="4" t="s">
        <v>849</v>
      </c>
    </row>
    <row r="550" spans="1:5" ht="23.1" customHeight="1" x14ac:dyDescent="0.2">
      <c r="A550" s="27">
        <v>548</v>
      </c>
      <c r="B550" s="6" t="s">
        <v>1096</v>
      </c>
      <c r="C550" s="5" t="s">
        <v>192</v>
      </c>
      <c r="D550" s="5" t="s">
        <v>485</v>
      </c>
      <c r="E550" s="4" t="s">
        <v>849</v>
      </c>
    </row>
    <row r="551" spans="1:5" ht="23.1" customHeight="1" x14ac:dyDescent="0.2">
      <c r="A551" s="27">
        <v>549</v>
      </c>
      <c r="B551" s="6" t="s">
        <v>1753</v>
      </c>
      <c r="C551" s="5" t="s">
        <v>1751</v>
      </c>
      <c r="D551" s="5" t="s">
        <v>1752</v>
      </c>
      <c r="E551" s="4" t="s">
        <v>3</v>
      </c>
    </row>
    <row r="552" spans="1:5" ht="23.1" customHeight="1" x14ac:dyDescent="0.2">
      <c r="A552" s="27">
        <v>550</v>
      </c>
      <c r="B552" s="6" t="s">
        <v>1818</v>
      </c>
      <c r="C552" s="5" t="s">
        <v>1816</v>
      </c>
      <c r="D552" s="5" t="s">
        <v>1817</v>
      </c>
      <c r="E552" s="4" t="s">
        <v>849</v>
      </c>
    </row>
    <row r="553" spans="1:5" ht="23.1" customHeight="1" x14ac:dyDescent="0.2">
      <c r="A553" s="27">
        <v>551</v>
      </c>
      <c r="B553" s="6" t="s">
        <v>1097</v>
      </c>
      <c r="C553" s="5" t="s">
        <v>193</v>
      </c>
      <c r="D553" s="5" t="s">
        <v>486</v>
      </c>
      <c r="E553" s="4" t="s">
        <v>849</v>
      </c>
    </row>
    <row r="554" spans="1:5" ht="23.1" customHeight="1" x14ac:dyDescent="0.2">
      <c r="A554" s="27">
        <v>552</v>
      </c>
      <c r="B554" s="6" t="s">
        <v>1098</v>
      </c>
      <c r="C554" s="5" t="s">
        <v>194</v>
      </c>
      <c r="D554" s="5" t="s">
        <v>487</v>
      </c>
      <c r="E554" s="4" t="s">
        <v>3</v>
      </c>
    </row>
    <row r="555" spans="1:5" ht="23.1" customHeight="1" x14ac:dyDescent="0.2">
      <c r="A555" s="27">
        <v>553</v>
      </c>
      <c r="B555" s="6" t="s">
        <v>1099</v>
      </c>
      <c r="C555" s="5" t="s">
        <v>195</v>
      </c>
      <c r="D555" s="5" t="s">
        <v>488</v>
      </c>
      <c r="E555" s="4" t="s">
        <v>3</v>
      </c>
    </row>
    <row r="556" spans="1:5" ht="23.1" customHeight="1" x14ac:dyDescent="0.2">
      <c r="A556" s="27">
        <v>554</v>
      </c>
      <c r="B556" s="6" t="s">
        <v>1100</v>
      </c>
      <c r="C556" s="5" t="s">
        <v>196</v>
      </c>
      <c r="D556" s="5" t="s">
        <v>489</v>
      </c>
      <c r="E556" s="4" t="s">
        <v>849</v>
      </c>
    </row>
    <row r="557" spans="1:5" ht="23.1" customHeight="1" x14ac:dyDescent="0.2">
      <c r="A557" s="27">
        <v>555</v>
      </c>
      <c r="B557" s="6" t="s">
        <v>1101</v>
      </c>
      <c r="C557" s="5" t="s">
        <v>2532</v>
      </c>
      <c r="D557" s="5" t="s">
        <v>490</v>
      </c>
      <c r="E557" s="4" t="s">
        <v>849</v>
      </c>
    </row>
    <row r="558" spans="1:5" ht="23.1" customHeight="1" x14ac:dyDescent="0.2">
      <c r="A558" s="27">
        <v>556</v>
      </c>
      <c r="B558" s="6" t="s">
        <v>2476</v>
      </c>
      <c r="C558" s="5" t="s">
        <v>1102</v>
      </c>
      <c r="D558" s="5" t="s">
        <v>1103</v>
      </c>
      <c r="E558" s="4" t="s">
        <v>3</v>
      </c>
    </row>
    <row r="559" spans="1:5" ht="23.1" customHeight="1" x14ac:dyDescent="0.2">
      <c r="A559" s="27">
        <v>557</v>
      </c>
      <c r="B559" s="6" t="s">
        <v>2477</v>
      </c>
      <c r="C559" s="5" t="s">
        <v>2478</v>
      </c>
      <c r="D559" s="5" t="s">
        <v>2479</v>
      </c>
      <c r="E559" s="4" t="s">
        <v>3</v>
      </c>
    </row>
    <row r="560" spans="1:5" ht="23.1" customHeight="1" x14ac:dyDescent="0.2">
      <c r="A560" s="27">
        <v>558</v>
      </c>
      <c r="B560" s="6" t="s">
        <v>1587</v>
      </c>
      <c r="C560" s="5" t="s">
        <v>1583</v>
      </c>
      <c r="D560" s="5" t="s">
        <v>1591</v>
      </c>
      <c r="E560" s="4" t="s">
        <v>3</v>
      </c>
    </row>
    <row r="561" spans="1:5" ht="23.1" customHeight="1" x14ac:dyDescent="0.2">
      <c r="A561" s="27">
        <v>559</v>
      </c>
      <c r="B561" s="4" t="s">
        <v>2668</v>
      </c>
      <c r="C561" s="5" t="s">
        <v>1601</v>
      </c>
      <c r="D561" s="5" t="s">
        <v>2667</v>
      </c>
      <c r="E561" s="4" t="s">
        <v>3</v>
      </c>
    </row>
    <row r="562" spans="1:5" ht="23.1" customHeight="1" x14ac:dyDescent="0.2">
      <c r="A562" s="27">
        <v>560</v>
      </c>
      <c r="B562" s="4" t="s">
        <v>1596</v>
      </c>
      <c r="C562" s="5" t="s">
        <v>1602</v>
      </c>
      <c r="D562" s="5" t="s">
        <v>1607</v>
      </c>
      <c r="E562" s="4" t="s">
        <v>3</v>
      </c>
    </row>
    <row r="563" spans="1:5" ht="23.1" customHeight="1" x14ac:dyDescent="0.2">
      <c r="A563" s="27">
        <v>561</v>
      </c>
      <c r="B563" s="6" t="s">
        <v>2626</v>
      </c>
      <c r="C563" s="5" t="s">
        <v>2625</v>
      </c>
      <c r="D563" s="5" t="s">
        <v>2627</v>
      </c>
      <c r="E563" s="4" t="s">
        <v>3</v>
      </c>
    </row>
    <row r="564" spans="1:5" ht="23.1" customHeight="1" x14ac:dyDescent="0.2">
      <c r="A564" s="27">
        <v>562</v>
      </c>
      <c r="B564" s="6" t="s">
        <v>1104</v>
      </c>
      <c r="C564" s="5" t="s">
        <v>197</v>
      </c>
      <c r="D564" s="5" t="s">
        <v>480</v>
      </c>
      <c r="E564" s="4" t="s">
        <v>849</v>
      </c>
    </row>
    <row r="565" spans="1:5" ht="23.1" customHeight="1" x14ac:dyDescent="0.2">
      <c r="A565" s="27">
        <v>563</v>
      </c>
      <c r="B565" s="6" t="s">
        <v>1569</v>
      </c>
      <c r="C565" s="5" t="s">
        <v>2118</v>
      </c>
      <c r="D565" s="5" t="s">
        <v>1570</v>
      </c>
      <c r="E565" s="4" t="s">
        <v>3</v>
      </c>
    </row>
    <row r="566" spans="1:5" ht="23.1" customHeight="1" x14ac:dyDescent="0.2">
      <c r="A566" s="27">
        <v>564</v>
      </c>
      <c r="B566" s="6" t="s">
        <v>1580</v>
      </c>
      <c r="C566" s="5" t="s">
        <v>2119</v>
      </c>
      <c r="D566" s="5" t="s">
        <v>1570</v>
      </c>
      <c r="E566" s="4" t="s">
        <v>3</v>
      </c>
    </row>
    <row r="567" spans="1:5" ht="23.1" customHeight="1" x14ac:dyDescent="0.2">
      <c r="A567" s="27">
        <v>565</v>
      </c>
      <c r="B567" s="6" t="s">
        <v>1105</v>
      </c>
      <c r="C567" s="5" t="s">
        <v>198</v>
      </c>
      <c r="D567" s="5" t="s">
        <v>481</v>
      </c>
      <c r="E567" s="4" t="s">
        <v>849</v>
      </c>
    </row>
    <row r="568" spans="1:5" ht="23.1" customHeight="1" x14ac:dyDescent="0.2">
      <c r="A568" s="27">
        <v>566</v>
      </c>
      <c r="B568" s="6" t="s">
        <v>2846</v>
      </c>
      <c r="C568" s="5" t="s">
        <v>2844</v>
      </c>
      <c r="D568" s="5" t="s">
        <v>2845</v>
      </c>
      <c r="E568" s="4" t="s">
        <v>3</v>
      </c>
    </row>
    <row r="569" spans="1:5" ht="23.1" customHeight="1" x14ac:dyDescent="0.2">
      <c r="A569" s="27">
        <v>567</v>
      </c>
      <c r="B569" s="6" t="s">
        <v>2831</v>
      </c>
      <c r="C569" s="5" t="s">
        <v>2829</v>
      </c>
      <c r="D569" s="5" t="s">
        <v>2830</v>
      </c>
      <c r="E569" s="4" t="s">
        <v>3</v>
      </c>
    </row>
    <row r="570" spans="1:5" ht="23.1" customHeight="1" x14ac:dyDescent="0.2">
      <c r="A570" s="27">
        <v>568</v>
      </c>
      <c r="B570" s="6" t="s">
        <v>1106</v>
      </c>
      <c r="C570" s="5" t="s">
        <v>199</v>
      </c>
      <c r="D570" s="5" t="s">
        <v>482</v>
      </c>
      <c r="E570" s="4" t="s">
        <v>3</v>
      </c>
    </row>
    <row r="571" spans="1:5" ht="23.1" customHeight="1" x14ac:dyDescent="0.2">
      <c r="A571" s="27">
        <v>569</v>
      </c>
      <c r="B571" s="6" t="s">
        <v>2861</v>
      </c>
      <c r="C571" s="5" t="s">
        <v>2859</v>
      </c>
      <c r="D571" s="5" t="s">
        <v>2860</v>
      </c>
      <c r="E571" s="4" t="s">
        <v>3</v>
      </c>
    </row>
    <row r="572" spans="1:5" ht="23.1" customHeight="1" x14ac:dyDescent="0.2">
      <c r="A572" s="27">
        <v>570</v>
      </c>
      <c r="B572" s="6" t="s">
        <v>1107</v>
      </c>
      <c r="C572" s="5" t="s">
        <v>2270</v>
      </c>
      <c r="D572" s="5" t="s">
        <v>1108</v>
      </c>
      <c r="E572" s="4" t="s">
        <v>3</v>
      </c>
    </row>
    <row r="573" spans="1:5" ht="23.1" customHeight="1" x14ac:dyDescent="0.2">
      <c r="A573" s="27">
        <v>571</v>
      </c>
      <c r="B573" s="6" t="s">
        <v>2794</v>
      </c>
      <c r="C573" s="5" t="s">
        <v>2809</v>
      </c>
      <c r="D573" s="5" t="s">
        <v>2810</v>
      </c>
      <c r="E573" s="4" t="s">
        <v>3</v>
      </c>
    </row>
    <row r="574" spans="1:5" ht="23.1" customHeight="1" x14ac:dyDescent="0.2">
      <c r="A574" s="27">
        <v>572</v>
      </c>
      <c r="B574" s="6" t="s">
        <v>2893</v>
      </c>
      <c r="C574" s="5" t="s">
        <v>2892</v>
      </c>
      <c r="D574" s="5" t="s">
        <v>2891</v>
      </c>
      <c r="E574" s="4" t="s">
        <v>3</v>
      </c>
    </row>
    <row r="575" spans="1:5" ht="23.1" customHeight="1" x14ac:dyDescent="0.2">
      <c r="A575" s="27">
        <v>573</v>
      </c>
      <c r="B575" s="6" t="s">
        <v>1588</v>
      </c>
      <c r="C575" s="5" t="s">
        <v>1584</v>
      </c>
      <c r="D575" s="5" t="s">
        <v>1592</v>
      </c>
      <c r="E575" s="4" t="s">
        <v>849</v>
      </c>
    </row>
    <row r="576" spans="1:5" ht="23.1" customHeight="1" x14ac:dyDescent="0.2">
      <c r="A576" s="27">
        <v>574</v>
      </c>
      <c r="B576" s="6" t="s">
        <v>1782</v>
      </c>
      <c r="C576" s="5" t="s">
        <v>1780</v>
      </c>
      <c r="D576" s="5" t="s">
        <v>1781</v>
      </c>
      <c r="E576" s="4" t="s">
        <v>3</v>
      </c>
    </row>
    <row r="577" spans="1:5" ht="23.1" customHeight="1" x14ac:dyDescent="0.2">
      <c r="A577" s="27">
        <v>575</v>
      </c>
      <c r="B577" s="6" t="s">
        <v>1516</v>
      </c>
      <c r="C577" s="5" t="s">
        <v>1463</v>
      </c>
      <c r="D577" s="5" t="s">
        <v>1517</v>
      </c>
      <c r="E577" s="4" t="s">
        <v>3</v>
      </c>
    </row>
    <row r="578" spans="1:5" ht="23.1" customHeight="1" x14ac:dyDescent="0.2">
      <c r="A578" s="27">
        <v>576</v>
      </c>
      <c r="B578" s="6" t="s">
        <v>2542</v>
      </c>
      <c r="C578" s="5" t="s">
        <v>2540</v>
      </c>
      <c r="D578" s="5" t="s">
        <v>2541</v>
      </c>
      <c r="E578" s="4" t="s">
        <v>3</v>
      </c>
    </row>
    <row r="579" spans="1:5" ht="23.1" customHeight="1" x14ac:dyDescent="0.2">
      <c r="A579" s="27">
        <v>577</v>
      </c>
      <c r="B579" s="6" t="s">
        <v>1745</v>
      </c>
      <c r="C579" s="5" t="s">
        <v>2269</v>
      </c>
      <c r="D579" s="5" t="s">
        <v>1744</v>
      </c>
      <c r="E579" s="4" t="s">
        <v>849</v>
      </c>
    </row>
    <row r="580" spans="1:5" ht="23.1" customHeight="1" x14ac:dyDescent="0.2">
      <c r="A580" s="27">
        <v>578</v>
      </c>
      <c r="B580" s="6" t="s">
        <v>1518</v>
      </c>
      <c r="C580" s="5" t="s">
        <v>1471</v>
      </c>
      <c r="D580" s="5" t="s">
        <v>1519</v>
      </c>
      <c r="E580" s="4" t="s">
        <v>3</v>
      </c>
    </row>
    <row r="581" spans="1:5" ht="23.1" customHeight="1" x14ac:dyDescent="0.2">
      <c r="A581" s="27">
        <v>579</v>
      </c>
      <c r="B581" s="6" t="s">
        <v>2645</v>
      </c>
      <c r="C581" s="5" t="s">
        <v>2646</v>
      </c>
      <c r="D581" s="5" t="s">
        <v>2647</v>
      </c>
      <c r="E581" s="4" t="s">
        <v>3</v>
      </c>
    </row>
    <row r="582" spans="1:5" ht="23.1" customHeight="1" x14ac:dyDescent="0.2">
      <c r="A582" s="27">
        <v>580</v>
      </c>
      <c r="B582" s="6" t="s">
        <v>1109</v>
      </c>
      <c r="C582" s="5" t="s">
        <v>200</v>
      </c>
      <c r="D582" s="5" t="s">
        <v>483</v>
      </c>
      <c r="E582" s="4" t="s">
        <v>849</v>
      </c>
    </row>
    <row r="583" spans="1:5" ht="23.1" customHeight="1" x14ac:dyDescent="0.2">
      <c r="A583" s="27">
        <v>581</v>
      </c>
      <c r="B583" s="6" t="s">
        <v>2628</v>
      </c>
      <c r="C583" s="5" t="s">
        <v>2629</v>
      </c>
      <c r="D583" s="5" t="s">
        <v>2630</v>
      </c>
      <c r="E583" s="4" t="s">
        <v>3</v>
      </c>
    </row>
    <row r="584" spans="1:5" ht="23.1" customHeight="1" x14ac:dyDescent="0.2">
      <c r="A584" s="27">
        <v>582</v>
      </c>
      <c r="B584" s="6" t="s">
        <v>1110</v>
      </c>
      <c r="C584" s="5" t="s">
        <v>201</v>
      </c>
      <c r="D584" s="5" t="s">
        <v>492</v>
      </c>
      <c r="E584" s="4" t="s">
        <v>3</v>
      </c>
    </row>
    <row r="585" spans="1:5" ht="23.1" customHeight="1" x14ac:dyDescent="0.2">
      <c r="A585" s="27">
        <v>583</v>
      </c>
      <c r="B585" s="6" t="s">
        <v>1111</v>
      </c>
      <c r="C585" s="5" t="s">
        <v>202</v>
      </c>
      <c r="D585" s="5" t="s">
        <v>491</v>
      </c>
      <c r="E585" s="4" t="s">
        <v>849</v>
      </c>
    </row>
    <row r="586" spans="1:5" ht="23.1" customHeight="1" x14ac:dyDescent="0.2">
      <c r="A586" s="27">
        <v>584</v>
      </c>
      <c r="B586" s="6" t="s">
        <v>1112</v>
      </c>
      <c r="C586" s="5" t="s">
        <v>203</v>
      </c>
      <c r="D586" s="5" t="s">
        <v>493</v>
      </c>
      <c r="E586" s="4" t="s">
        <v>849</v>
      </c>
    </row>
    <row r="587" spans="1:5" ht="23.1" customHeight="1" x14ac:dyDescent="0.2">
      <c r="A587" s="27">
        <v>585</v>
      </c>
      <c r="B587" s="6" t="s">
        <v>1113</v>
      </c>
      <c r="C587" s="5" t="s">
        <v>204</v>
      </c>
      <c r="D587" s="5" t="s">
        <v>494</v>
      </c>
      <c r="E587" s="4" t="s">
        <v>849</v>
      </c>
    </row>
    <row r="588" spans="1:5" ht="23.1" customHeight="1" x14ac:dyDescent="0.2">
      <c r="A588" s="27">
        <v>586</v>
      </c>
      <c r="B588" s="6" t="s">
        <v>1077</v>
      </c>
      <c r="C588" s="5" t="s">
        <v>177</v>
      </c>
      <c r="D588" s="5" t="s">
        <v>467</v>
      </c>
      <c r="E588" s="4" t="s">
        <v>849</v>
      </c>
    </row>
    <row r="589" spans="1:5" ht="23.1" customHeight="1" x14ac:dyDescent="0.2">
      <c r="A589" s="27">
        <v>587</v>
      </c>
      <c r="B589" s="6" t="s">
        <v>1078</v>
      </c>
      <c r="C589" s="5" t="s">
        <v>178</v>
      </c>
      <c r="D589" s="5" t="s">
        <v>468</v>
      </c>
      <c r="E589" s="4" t="s">
        <v>849</v>
      </c>
    </row>
    <row r="590" spans="1:5" ht="23.1" customHeight="1" x14ac:dyDescent="0.2">
      <c r="A590" s="27">
        <v>588</v>
      </c>
      <c r="B590" s="6" t="s">
        <v>1079</v>
      </c>
      <c r="C590" s="12" t="s">
        <v>179</v>
      </c>
      <c r="D590" s="12" t="s">
        <v>469</v>
      </c>
      <c r="E590" s="4" t="s">
        <v>849</v>
      </c>
    </row>
    <row r="591" spans="1:5" ht="23.1" customHeight="1" x14ac:dyDescent="0.2">
      <c r="A591" s="27">
        <v>589</v>
      </c>
      <c r="B591" s="6" t="s">
        <v>1080</v>
      </c>
      <c r="C591" s="5" t="s">
        <v>180</v>
      </c>
      <c r="D591" s="5" t="s">
        <v>470</v>
      </c>
      <c r="E591" s="4" t="s">
        <v>849</v>
      </c>
    </row>
    <row r="592" spans="1:5" ht="23.1" customHeight="1" x14ac:dyDescent="0.2">
      <c r="A592" s="27">
        <v>590</v>
      </c>
      <c r="B592" s="6" t="s">
        <v>1765</v>
      </c>
      <c r="C592" s="5" t="s">
        <v>1763</v>
      </c>
      <c r="D592" s="5" t="s">
        <v>1764</v>
      </c>
      <c r="E592" s="4" t="s">
        <v>3</v>
      </c>
    </row>
    <row r="593" spans="1:5" ht="23.1" customHeight="1" x14ac:dyDescent="0.2">
      <c r="A593" s="27">
        <v>591</v>
      </c>
      <c r="B593" s="6" t="s">
        <v>1081</v>
      </c>
      <c r="C593" s="5" t="s">
        <v>181</v>
      </c>
      <c r="D593" s="5" t="s">
        <v>471</v>
      </c>
      <c r="E593" s="4" t="s">
        <v>3</v>
      </c>
    </row>
    <row r="594" spans="1:5" ht="23.1" customHeight="1" x14ac:dyDescent="0.2">
      <c r="A594" s="27">
        <v>592</v>
      </c>
      <c r="B594" s="6" t="s">
        <v>1082</v>
      </c>
      <c r="C594" s="5" t="s">
        <v>1083</v>
      </c>
      <c r="D594" s="5" t="s">
        <v>1084</v>
      </c>
      <c r="E594" s="4" t="s">
        <v>3</v>
      </c>
    </row>
    <row r="595" spans="1:5" ht="23.1" customHeight="1" x14ac:dyDescent="0.2">
      <c r="A595" s="27">
        <v>593</v>
      </c>
      <c r="B595" s="6" t="s">
        <v>1759</v>
      </c>
      <c r="C595" s="5" t="s">
        <v>1757</v>
      </c>
      <c r="D595" s="5" t="s">
        <v>1758</v>
      </c>
      <c r="E595" s="4" t="s">
        <v>849</v>
      </c>
    </row>
    <row r="596" spans="1:5" ht="23.1" customHeight="1" x14ac:dyDescent="0.2">
      <c r="A596" s="27">
        <v>594</v>
      </c>
      <c r="B596" s="6" t="s">
        <v>1085</v>
      </c>
      <c r="C596" s="5" t="s">
        <v>182</v>
      </c>
      <c r="D596" s="5" t="s">
        <v>472</v>
      </c>
      <c r="E596" s="4" t="s">
        <v>3</v>
      </c>
    </row>
    <row r="597" spans="1:5" ht="23.1" customHeight="1" x14ac:dyDescent="0.2">
      <c r="A597" s="27">
        <v>595</v>
      </c>
      <c r="B597" s="6" t="s">
        <v>1086</v>
      </c>
      <c r="C597" s="5" t="s">
        <v>184</v>
      </c>
      <c r="D597" s="5" t="s">
        <v>473</v>
      </c>
      <c r="E597" s="4" t="s">
        <v>849</v>
      </c>
    </row>
    <row r="598" spans="1:5" ht="23.1" customHeight="1" x14ac:dyDescent="0.2">
      <c r="A598" s="27">
        <v>596</v>
      </c>
      <c r="B598" s="6" t="s">
        <v>1087</v>
      </c>
      <c r="C598" s="5" t="s">
        <v>183</v>
      </c>
      <c r="D598" s="5" t="s">
        <v>473</v>
      </c>
      <c r="E598" s="4" t="s">
        <v>849</v>
      </c>
    </row>
    <row r="599" spans="1:5" ht="23.1" customHeight="1" x14ac:dyDescent="0.2">
      <c r="A599" s="27">
        <v>597</v>
      </c>
      <c r="B599" s="6" t="s">
        <v>1088</v>
      </c>
      <c r="C599" s="5" t="s">
        <v>185</v>
      </c>
      <c r="D599" s="5" t="s">
        <v>474</v>
      </c>
      <c r="E599" s="4" t="s">
        <v>849</v>
      </c>
    </row>
    <row r="600" spans="1:5" ht="23.1" customHeight="1" x14ac:dyDescent="0.2">
      <c r="A600" s="27">
        <v>598</v>
      </c>
      <c r="B600" s="6" t="s">
        <v>1089</v>
      </c>
      <c r="C600" s="5" t="s">
        <v>2362</v>
      </c>
      <c r="D600" s="5" t="s">
        <v>475</v>
      </c>
      <c r="E600" s="4" t="s">
        <v>849</v>
      </c>
    </row>
    <row r="601" spans="1:5" ht="23.1" customHeight="1" x14ac:dyDescent="0.2">
      <c r="A601" s="27">
        <v>599</v>
      </c>
      <c r="B601" s="6" t="s">
        <v>1090</v>
      </c>
      <c r="C601" s="5" t="s">
        <v>186</v>
      </c>
      <c r="D601" s="5" t="s">
        <v>476</v>
      </c>
      <c r="E601" s="4" t="s">
        <v>849</v>
      </c>
    </row>
    <row r="602" spans="1:5" ht="23.1" customHeight="1" x14ac:dyDescent="0.2">
      <c r="A602" s="27">
        <v>600</v>
      </c>
      <c r="B602" s="6" t="s">
        <v>1091</v>
      </c>
      <c r="C602" s="5" t="s">
        <v>187</v>
      </c>
      <c r="D602" s="5" t="s">
        <v>477</v>
      </c>
      <c r="E602" s="4" t="s">
        <v>3</v>
      </c>
    </row>
    <row r="603" spans="1:5" ht="23.1" customHeight="1" x14ac:dyDescent="0.2">
      <c r="A603" s="27">
        <v>601</v>
      </c>
      <c r="B603" s="6" t="s">
        <v>2474</v>
      </c>
      <c r="C603" s="5" t="s">
        <v>188</v>
      </c>
      <c r="D603" s="5" t="s">
        <v>2472</v>
      </c>
      <c r="E603" s="4" t="s">
        <v>849</v>
      </c>
    </row>
    <row r="604" spans="1:5" ht="23.1" customHeight="1" x14ac:dyDescent="0.2">
      <c r="A604" s="27">
        <v>602</v>
      </c>
      <c r="B604" s="6" t="s">
        <v>2475</v>
      </c>
      <c r="C604" s="5" t="s">
        <v>2471</v>
      </c>
      <c r="D604" s="5" t="s">
        <v>2473</v>
      </c>
      <c r="E604" s="4" t="s">
        <v>849</v>
      </c>
    </row>
    <row r="605" spans="1:5" ht="23.1" customHeight="1" x14ac:dyDescent="0.2">
      <c r="A605" s="27">
        <v>603</v>
      </c>
      <c r="B605" s="6" t="s">
        <v>1092</v>
      </c>
      <c r="C605" s="5" t="s">
        <v>2036</v>
      </c>
      <c r="D605" s="5" t="s">
        <v>478</v>
      </c>
      <c r="E605" s="4" t="s">
        <v>849</v>
      </c>
    </row>
    <row r="606" spans="1:5" ht="23.1" customHeight="1" x14ac:dyDescent="0.2">
      <c r="A606" s="27">
        <v>604</v>
      </c>
      <c r="B606" s="6" t="s">
        <v>1093</v>
      </c>
      <c r="C606" s="5" t="s">
        <v>189</v>
      </c>
      <c r="D606" s="5" t="s">
        <v>479</v>
      </c>
      <c r="E606" s="4" t="s">
        <v>849</v>
      </c>
    </row>
    <row r="607" spans="1:5" ht="23.1" customHeight="1" x14ac:dyDescent="0.2">
      <c r="A607" s="27">
        <v>605</v>
      </c>
      <c r="B607" s="6" t="s">
        <v>2869</v>
      </c>
      <c r="C607" s="5" t="s">
        <v>2865</v>
      </c>
      <c r="D607" s="5" t="s">
        <v>2866</v>
      </c>
      <c r="E607" s="4" t="s">
        <v>3</v>
      </c>
    </row>
    <row r="608" spans="1:5" ht="23.1" customHeight="1" x14ac:dyDescent="0.2">
      <c r="A608" s="27">
        <v>606</v>
      </c>
      <c r="B608" s="6" t="s">
        <v>2870</v>
      </c>
      <c r="C608" s="5" t="s">
        <v>2868</v>
      </c>
      <c r="D608" s="5" t="s">
        <v>2867</v>
      </c>
      <c r="E608" s="4" t="s">
        <v>3</v>
      </c>
    </row>
    <row r="609" spans="1:5" ht="23.1" customHeight="1" x14ac:dyDescent="0.2">
      <c r="A609" s="27">
        <v>607</v>
      </c>
      <c r="B609" s="6" t="s">
        <v>1189</v>
      </c>
      <c r="C609" s="5" t="s">
        <v>265</v>
      </c>
      <c r="D609" s="5" t="s">
        <v>548</v>
      </c>
      <c r="E609" s="4" t="s">
        <v>849</v>
      </c>
    </row>
    <row r="610" spans="1:5" ht="23.1" customHeight="1" x14ac:dyDescent="0.2">
      <c r="A610" s="27">
        <v>608</v>
      </c>
      <c r="B610" s="6" t="s">
        <v>1190</v>
      </c>
      <c r="C610" s="5" t="s">
        <v>266</v>
      </c>
      <c r="D610" s="5" t="s">
        <v>549</v>
      </c>
      <c r="E610" s="4" t="s">
        <v>849</v>
      </c>
    </row>
    <row r="611" spans="1:5" ht="23.1" customHeight="1" x14ac:dyDescent="0.2">
      <c r="A611" s="27">
        <v>609</v>
      </c>
      <c r="B611" s="6" t="s">
        <v>1191</v>
      </c>
      <c r="C611" s="5" t="s">
        <v>267</v>
      </c>
      <c r="D611" s="5" t="s">
        <v>550</v>
      </c>
      <c r="E611" s="4" t="s">
        <v>849</v>
      </c>
    </row>
    <row r="612" spans="1:5" ht="23.1" customHeight="1" x14ac:dyDescent="0.2">
      <c r="A612" s="27">
        <v>610</v>
      </c>
      <c r="B612" s="6" t="s">
        <v>2975</v>
      </c>
      <c r="C612" s="5" t="s">
        <v>2515</v>
      </c>
      <c r="D612" s="5" t="s">
        <v>2516</v>
      </c>
      <c r="E612" s="4" t="s">
        <v>849</v>
      </c>
    </row>
    <row r="613" spans="1:5" ht="23.1" customHeight="1" x14ac:dyDescent="0.2">
      <c r="A613" s="27">
        <v>611</v>
      </c>
      <c r="B613" s="26" t="s">
        <v>2974</v>
      </c>
      <c r="C613" s="1" t="s">
        <v>2973</v>
      </c>
      <c r="D613" s="1" t="s">
        <v>2972</v>
      </c>
      <c r="E613" s="2" t="s">
        <v>3</v>
      </c>
    </row>
    <row r="614" spans="1:5" ht="23.1" customHeight="1" x14ac:dyDescent="0.2">
      <c r="A614" s="27">
        <v>612</v>
      </c>
      <c r="B614" s="6" t="s">
        <v>1192</v>
      </c>
      <c r="C614" s="5" t="s">
        <v>268</v>
      </c>
      <c r="D614" s="5" t="s">
        <v>2590</v>
      </c>
      <c r="E614" s="4" t="s">
        <v>849</v>
      </c>
    </row>
    <row r="615" spans="1:5" ht="23.1" customHeight="1" x14ac:dyDescent="0.2">
      <c r="A615" s="27">
        <v>613</v>
      </c>
      <c r="B615" s="6" t="s">
        <v>2591</v>
      </c>
      <c r="C615" s="5" t="s">
        <v>2592</v>
      </c>
      <c r="D615" s="5" t="s">
        <v>2593</v>
      </c>
      <c r="E615" s="4" t="s">
        <v>3</v>
      </c>
    </row>
    <row r="616" spans="1:5" ht="23.1" customHeight="1" x14ac:dyDescent="0.2">
      <c r="A616" s="27">
        <v>614</v>
      </c>
      <c r="B616" s="6" t="s">
        <v>1193</v>
      </c>
      <c r="C616" s="5" t="s">
        <v>270</v>
      </c>
      <c r="D616" s="5" t="s">
        <v>551</v>
      </c>
      <c r="E616" s="4" t="s">
        <v>849</v>
      </c>
    </row>
    <row r="617" spans="1:5" ht="23.1" customHeight="1" x14ac:dyDescent="0.2">
      <c r="A617" s="27">
        <v>615</v>
      </c>
      <c r="B617" s="6" t="s">
        <v>1194</v>
      </c>
      <c r="C617" s="5" t="s">
        <v>271</v>
      </c>
      <c r="D617" s="5" t="s">
        <v>1195</v>
      </c>
      <c r="E617" s="4" t="s">
        <v>849</v>
      </c>
    </row>
    <row r="618" spans="1:5" ht="23.1" customHeight="1" x14ac:dyDescent="0.2">
      <c r="A618" s="27">
        <v>616</v>
      </c>
      <c r="B618" s="6" t="s">
        <v>2594</v>
      </c>
      <c r="C618" s="5" t="s">
        <v>272</v>
      </c>
      <c r="D618" s="5" t="s">
        <v>2595</v>
      </c>
      <c r="E618" s="4" t="s">
        <v>849</v>
      </c>
    </row>
    <row r="619" spans="1:5" ht="23.1" customHeight="1" x14ac:dyDescent="0.2">
      <c r="A619" s="27">
        <v>617</v>
      </c>
      <c r="B619" s="6" t="s">
        <v>2596</v>
      </c>
      <c r="C619" s="5" t="s">
        <v>2597</v>
      </c>
      <c r="D619" s="5" t="s">
        <v>2598</v>
      </c>
      <c r="E619" s="4" t="s">
        <v>3</v>
      </c>
    </row>
    <row r="620" spans="1:5" ht="23.1" customHeight="1" x14ac:dyDescent="0.2">
      <c r="A620" s="27">
        <v>618</v>
      </c>
      <c r="B620" s="6" t="s">
        <v>2599</v>
      </c>
      <c r="C620" s="5" t="s">
        <v>2600</v>
      </c>
      <c r="D620" s="5" t="s">
        <v>2601</v>
      </c>
      <c r="E620" s="4" t="s">
        <v>3</v>
      </c>
    </row>
    <row r="621" spans="1:5" s="23" customFormat="1" ht="23.1" customHeight="1" x14ac:dyDescent="0.2">
      <c r="A621" s="27">
        <v>619</v>
      </c>
      <c r="B621" s="6" t="s">
        <v>1196</v>
      </c>
      <c r="C621" s="9" t="s">
        <v>273</v>
      </c>
      <c r="D621" s="9" t="s">
        <v>552</v>
      </c>
      <c r="E621" s="4" t="s">
        <v>849</v>
      </c>
    </row>
    <row r="622" spans="1:5" ht="23.1" customHeight="1" x14ac:dyDescent="0.2">
      <c r="A622" s="27">
        <v>620</v>
      </c>
      <c r="B622" s="6" t="s">
        <v>1197</v>
      </c>
      <c r="C622" s="5" t="s">
        <v>1198</v>
      </c>
      <c r="D622" s="5" t="s">
        <v>553</v>
      </c>
      <c r="E622" s="4" t="s">
        <v>849</v>
      </c>
    </row>
    <row r="623" spans="1:5" s="23" customFormat="1" ht="23.1" customHeight="1" x14ac:dyDescent="0.2">
      <c r="A623" s="27">
        <v>621</v>
      </c>
      <c r="B623" s="26" t="s">
        <v>3022</v>
      </c>
      <c r="C623" s="1" t="s">
        <v>3020</v>
      </c>
      <c r="D623" s="1" t="s">
        <v>3018</v>
      </c>
      <c r="E623" s="2" t="s">
        <v>3</v>
      </c>
    </row>
    <row r="624" spans="1:5" ht="23.1" customHeight="1" x14ac:dyDescent="0.2">
      <c r="A624" s="27">
        <v>622</v>
      </c>
      <c r="B624" s="26" t="s">
        <v>1988</v>
      </c>
      <c r="C624" s="1" t="s">
        <v>1986</v>
      </c>
      <c r="D624" s="1" t="s">
        <v>1987</v>
      </c>
      <c r="E624" s="2" t="s">
        <v>849</v>
      </c>
    </row>
    <row r="625" spans="1:5" ht="23.1" customHeight="1" x14ac:dyDescent="0.2">
      <c r="A625" s="27">
        <v>623</v>
      </c>
      <c r="B625" s="26" t="s">
        <v>3021</v>
      </c>
      <c r="C625" s="1" t="s">
        <v>3019</v>
      </c>
      <c r="D625" s="1" t="s">
        <v>3017</v>
      </c>
      <c r="E625" s="2" t="s">
        <v>3</v>
      </c>
    </row>
    <row r="626" spans="1:5" ht="23.1" customHeight="1" x14ac:dyDescent="0.2">
      <c r="A626" s="27">
        <v>624</v>
      </c>
      <c r="B626" s="6" t="s">
        <v>2816</v>
      </c>
      <c r="C626" s="5" t="s">
        <v>2814</v>
      </c>
      <c r="D626" s="5" t="s">
        <v>2815</v>
      </c>
      <c r="E626" s="4" t="s">
        <v>849</v>
      </c>
    </row>
    <row r="627" spans="1:5" s="24" customFormat="1" ht="23.1" customHeight="1" x14ac:dyDescent="0.2">
      <c r="A627" s="27">
        <v>625</v>
      </c>
      <c r="B627" s="6" t="s">
        <v>2400</v>
      </c>
      <c r="C627" s="9" t="s">
        <v>269</v>
      </c>
      <c r="D627" s="9" t="s">
        <v>1486</v>
      </c>
      <c r="E627" s="9" t="s">
        <v>3</v>
      </c>
    </row>
    <row r="628" spans="1:5" ht="23.1" customHeight="1" x14ac:dyDescent="0.2">
      <c r="A628" s="27">
        <v>626</v>
      </c>
      <c r="B628" s="6" t="s">
        <v>2401</v>
      </c>
      <c r="C628" s="9" t="s">
        <v>2398</v>
      </c>
      <c r="D628" s="9" t="s">
        <v>2399</v>
      </c>
      <c r="E628" s="9" t="s">
        <v>3</v>
      </c>
    </row>
    <row r="629" spans="1:5" ht="23.1" customHeight="1" x14ac:dyDescent="0.2">
      <c r="A629" s="27">
        <v>627</v>
      </c>
      <c r="B629" s="6" t="s">
        <v>2123</v>
      </c>
      <c r="C629" s="9" t="s">
        <v>2121</v>
      </c>
      <c r="D629" s="9" t="s">
        <v>2122</v>
      </c>
      <c r="E629" s="9" t="s">
        <v>3</v>
      </c>
    </row>
    <row r="630" spans="1:5" ht="23.1" customHeight="1" x14ac:dyDescent="0.2">
      <c r="A630" s="27">
        <v>628</v>
      </c>
      <c r="B630" s="4" t="s">
        <v>1731</v>
      </c>
      <c r="C630" s="4" t="s">
        <v>1735</v>
      </c>
      <c r="D630" s="4" t="s">
        <v>1739</v>
      </c>
      <c r="E630" s="4" t="s">
        <v>3</v>
      </c>
    </row>
    <row r="631" spans="1:5" ht="23.1" customHeight="1" x14ac:dyDescent="0.2">
      <c r="A631" s="27">
        <v>629</v>
      </c>
      <c r="B631" s="6" t="s">
        <v>1199</v>
      </c>
      <c r="C631" s="5" t="s">
        <v>274</v>
      </c>
      <c r="D631" s="5" t="s">
        <v>554</v>
      </c>
      <c r="E631" s="4" t="s">
        <v>849</v>
      </c>
    </row>
    <row r="632" spans="1:5" ht="23.1" customHeight="1" x14ac:dyDescent="0.2">
      <c r="A632" s="27">
        <v>630</v>
      </c>
      <c r="B632" s="6" t="s">
        <v>1200</v>
      </c>
      <c r="C632" s="5" t="s">
        <v>275</v>
      </c>
      <c r="D632" s="5" t="s">
        <v>555</v>
      </c>
      <c r="E632" s="4" t="s">
        <v>849</v>
      </c>
    </row>
    <row r="633" spans="1:5" ht="23.1" customHeight="1" x14ac:dyDescent="0.2">
      <c r="A633" s="27">
        <v>631</v>
      </c>
      <c r="B633" s="6" t="s">
        <v>1201</v>
      </c>
      <c r="C633" s="5" t="s">
        <v>276</v>
      </c>
      <c r="D633" s="5" t="s">
        <v>556</v>
      </c>
      <c r="E633" s="4" t="s">
        <v>849</v>
      </c>
    </row>
    <row r="634" spans="1:5" ht="23.1" customHeight="1" x14ac:dyDescent="0.2">
      <c r="A634" s="27">
        <v>632</v>
      </c>
      <c r="B634" s="6" t="s">
        <v>1843</v>
      </c>
      <c r="C634" s="5" t="s">
        <v>1841</v>
      </c>
      <c r="D634" s="5" t="s">
        <v>1842</v>
      </c>
      <c r="E634" s="4" t="s">
        <v>849</v>
      </c>
    </row>
    <row r="635" spans="1:5" ht="23.1" customHeight="1" x14ac:dyDescent="0.2">
      <c r="A635" s="27">
        <v>633</v>
      </c>
      <c r="B635" s="6" t="s">
        <v>1956</v>
      </c>
      <c r="C635" s="5" t="s">
        <v>1954</v>
      </c>
      <c r="D635" s="5" t="s">
        <v>1955</v>
      </c>
      <c r="E635" s="4" t="s">
        <v>3</v>
      </c>
    </row>
    <row r="636" spans="1:5" s="24" customFormat="1" ht="23.1" customHeight="1" x14ac:dyDescent="0.2">
      <c r="A636" s="27">
        <v>634</v>
      </c>
      <c r="B636" s="6" t="s">
        <v>1202</v>
      </c>
      <c r="C636" s="5" t="s">
        <v>1473</v>
      </c>
      <c r="D636" s="5" t="s">
        <v>1203</v>
      </c>
      <c r="E636" s="4" t="s">
        <v>3</v>
      </c>
    </row>
    <row r="637" spans="1:5" ht="23.1" customHeight="1" x14ac:dyDescent="0.2">
      <c r="A637" s="27">
        <v>635</v>
      </c>
      <c r="B637" s="6" t="s">
        <v>2489</v>
      </c>
      <c r="C637" s="5" t="s">
        <v>2487</v>
      </c>
      <c r="D637" s="5" t="s">
        <v>2488</v>
      </c>
      <c r="E637" s="4" t="s">
        <v>849</v>
      </c>
    </row>
    <row r="638" spans="1:5" ht="23.1" customHeight="1" x14ac:dyDescent="0.2">
      <c r="A638" s="27">
        <v>636</v>
      </c>
      <c r="B638" s="6" t="s">
        <v>1204</v>
      </c>
      <c r="C638" s="5" t="s">
        <v>277</v>
      </c>
      <c r="D638" s="5" t="s">
        <v>557</v>
      </c>
      <c r="E638" s="4" t="s">
        <v>3</v>
      </c>
    </row>
    <row r="639" spans="1:5" ht="23.1" customHeight="1" x14ac:dyDescent="0.2">
      <c r="A639" s="27">
        <v>637</v>
      </c>
      <c r="B639" s="6" t="s">
        <v>1205</v>
      </c>
      <c r="C639" s="5" t="s">
        <v>278</v>
      </c>
      <c r="D639" s="5" t="s">
        <v>558</v>
      </c>
      <c r="E639" s="4" t="s">
        <v>849</v>
      </c>
    </row>
    <row r="640" spans="1:5" ht="23.1" customHeight="1" x14ac:dyDescent="0.2">
      <c r="A640" s="27">
        <v>638</v>
      </c>
      <c r="B640" s="6" t="s">
        <v>1206</v>
      </c>
      <c r="C640" s="5" t="s">
        <v>279</v>
      </c>
      <c r="D640" s="5" t="s">
        <v>559</v>
      </c>
      <c r="E640" s="4" t="s">
        <v>849</v>
      </c>
    </row>
    <row r="641" spans="1:5" ht="23.1" customHeight="1" x14ac:dyDescent="0.2">
      <c r="A641" s="27">
        <v>639</v>
      </c>
      <c r="B641" s="6" t="s">
        <v>1207</v>
      </c>
      <c r="C641" s="5" t="s">
        <v>280</v>
      </c>
      <c r="D641" s="5" t="s">
        <v>560</v>
      </c>
      <c r="E641" s="4" t="s">
        <v>849</v>
      </c>
    </row>
    <row r="642" spans="1:5" ht="23.1" customHeight="1" x14ac:dyDescent="0.2">
      <c r="A642" s="27">
        <v>640</v>
      </c>
      <c r="B642" s="6" t="s">
        <v>1208</v>
      </c>
      <c r="C642" s="5" t="s">
        <v>281</v>
      </c>
      <c r="D642" s="5" t="s">
        <v>561</v>
      </c>
      <c r="E642" s="4" t="s">
        <v>849</v>
      </c>
    </row>
    <row r="643" spans="1:5" ht="23.1" customHeight="1" x14ac:dyDescent="0.2">
      <c r="A643" s="27">
        <v>641</v>
      </c>
      <c r="B643" s="6" t="s">
        <v>1209</v>
      </c>
      <c r="C643" s="5" t="s">
        <v>282</v>
      </c>
      <c r="D643" s="5" t="s">
        <v>562</v>
      </c>
      <c r="E643" s="4" t="s">
        <v>849</v>
      </c>
    </row>
    <row r="644" spans="1:5" ht="23.1" customHeight="1" x14ac:dyDescent="0.2">
      <c r="A644" s="27">
        <v>642</v>
      </c>
      <c r="B644" s="6" t="s">
        <v>1210</v>
      </c>
      <c r="C644" s="5" t="s">
        <v>283</v>
      </c>
      <c r="D644" s="5" t="s">
        <v>563</v>
      </c>
      <c r="E644" s="4" t="s">
        <v>849</v>
      </c>
    </row>
    <row r="645" spans="1:5" ht="23.1" customHeight="1" x14ac:dyDescent="0.2">
      <c r="A645" s="27">
        <v>643</v>
      </c>
      <c r="B645" s="6" t="s">
        <v>1530</v>
      </c>
      <c r="C645" s="5" t="s">
        <v>839</v>
      </c>
      <c r="D645" s="5" t="s">
        <v>1211</v>
      </c>
      <c r="E645" s="4" t="s">
        <v>849</v>
      </c>
    </row>
    <row r="646" spans="1:5" ht="23.1" customHeight="1" x14ac:dyDescent="0.2">
      <c r="A646" s="27">
        <v>644</v>
      </c>
      <c r="B646" s="6" t="s">
        <v>2268</v>
      </c>
      <c r="C646" s="5" t="s">
        <v>2267</v>
      </c>
      <c r="D646" s="5" t="s">
        <v>2266</v>
      </c>
      <c r="E646" s="4" t="s">
        <v>849</v>
      </c>
    </row>
    <row r="647" spans="1:5" ht="23.1" customHeight="1" x14ac:dyDescent="0.2">
      <c r="A647" s="27">
        <v>645</v>
      </c>
      <c r="B647" s="6" t="s">
        <v>2508</v>
      </c>
      <c r="C647" s="5" t="s">
        <v>2507</v>
      </c>
      <c r="D647" s="5" t="s">
        <v>2506</v>
      </c>
      <c r="E647" s="4" t="s">
        <v>849</v>
      </c>
    </row>
    <row r="648" spans="1:5" ht="23.1" customHeight="1" x14ac:dyDescent="0.2">
      <c r="A648" s="27">
        <v>646</v>
      </c>
      <c r="B648" s="6" t="s">
        <v>2324</v>
      </c>
      <c r="C648" s="5" t="s">
        <v>2321</v>
      </c>
      <c r="D648" s="5" t="s">
        <v>2323</v>
      </c>
      <c r="E648" s="4" t="s">
        <v>3</v>
      </c>
    </row>
    <row r="649" spans="1:5" ht="23.1" customHeight="1" x14ac:dyDescent="0.2">
      <c r="A649" s="27">
        <v>647</v>
      </c>
      <c r="B649" s="6" t="s">
        <v>2325</v>
      </c>
      <c r="C649" s="5" t="s">
        <v>2322</v>
      </c>
      <c r="D649" s="5" t="s">
        <v>2323</v>
      </c>
      <c r="E649" s="4" t="s">
        <v>3</v>
      </c>
    </row>
    <row r="650" spans="1:5" s="24" customFormat="1" ht="23.1" customHeight="1" x14ac:dyDescent="0.2">
      <c r="A650" s="27">
        <v>648</v>
      </c>
      <c r="B650" s="6" t="s">
        <v>2173</v>
      </c>
      <c r="C650" s="5" t="s">
        <v>2172</v>
      </c>
      <c r="D650" s="5" t="s">
        <v>2171</v>
      </c>
      <c r="E650" s="4" t="s">
        <v>849</v>
      </c>
    </row>
    <row r="651" spans="1:5" ht="23.1" customHeight="1" x14ac:dyDescent="0.2">
      <c r="A651" s="27">
        <v>649</v>
      </c>
      <c r="B651" s="6" t="s">
        <v>1212</v>
      </c>
      <c r="C651" s="5" t="s">
        <v>284</v>
      </c>
      <c r="D651" s="5" t="s">
        <v>564</v>
      </c>
      <c r="E651" s="4" t="s">
        <v>849</v>
      </c>
    </row>
    <row r="652" spans="1:5" ht="23.1" customHeight="1" x14ac:dyDescent="0.2">
      <c r="A652" s="27">
        <v>650</v>
      </c>
      <c r="B652" s="6" t="s">
        <v>2525</v>
      </c>
      <c r="C652" s="5" t="s">
        <v>2524</v>
      </c>
      <c r="D652" s="5" t="s">
        <v>2523</v>
      </c>
      <c r="E652" s="4" t="s">
        <v>849</v>
      </c>
    </row>
    <row r="653" spans="1:5" ht="23.1" customHeight="1" x14ac:dyDescent="0.2">
      <c r="A653" s="27">
        <v>651</v>
      </c>
      <c r="B653" s="6" t="s">
        <v>2278</v>
      </c>
      <c r="C653" s="5" t="s">
        <v>2277</v>
      </c>
      <c r="D653" s="5" t="s">
        <v>2276</v>
      </c>
      <c r="E653" s="4" t="s">
        <v>3</v>
      </c>
    </row>
    <row r="654" spans="1:5" ht="23.1" customHeight="1" x14ac:dyDescent="0.2">
      <c r="A654" s="27">
        <v>652</v>
      </c>
      <c r="B654" s="6" t="s">
        <v>2331</v>
      </c>
      <c r="C654" s="5" t="s">
        <v>2330</v>
      </c>
      <c r="D654" s="5" t="s">
        <v>2329</v>
      </c>
      <c r="E654" s="4" t="s">
        <v>3</v>
      </c>
    </row>
    <row r="655" spans="1:5" ht="23.1" customHeight="1" x14ac:dyDescent="0.2">
      <c r="A655" s="27">
        <v>653</v>
      </c>
      <c r="B655" s="6" t="s">
        <v>1213</v>
      </c>
      <c r="C655" s="5" t="s">
        <v>2077</v>
      </c>
      <c r="D655" s="5" t="s">
        <v>565</v>
      </c>
      <c r="E655" s="4" t="s">
        <v>849</v>
      </c>
    </row>
    <row r="656" spans="1:5" ht="23.1" customHeight="1" x14ac:dyDescent="0.2">
      <c r="A656" s="27">
        <v>654</v>
      </c>
      <c r="B656" s="6" t="s">
        <v>2013</v>
      </c>
      <c r="C656" s="5" t="s">
        <v>2011</v>
      </c>
      <c r="D656" s="5" t="s">
        <v>2012</v>
      </c>
      <c r="E656" s="4" t="s">
        <v>3</v>
      </c>
    </row>
    <row r="657" spans="1:5" ht="23.1" customHeight="1" x14ac:dyDescent="0.2">
      <c r="A657" s="27">
        <v>655</v>
      </c>
      <c r="B657" s="6" t="s">
        <v>2551</v>
      </c>
      <c r="C657" s="5" t="s">
        <v>2550</v>
      </c>
      <c r="D657" s="5" t="s">
        <v>2549</v>
      </c>
      <c r="E657" s="4" t="s">
        <v>3</v>
      </c>
    </row>
    <row r="658" spans="1:5" ht="23.1" customHeight="1" x14ac:dyDescent="0.2">
      <c r="A658" s="27">
        <v>656</v>
      </c>
      <c r="B658" s="6" t="s">
        <v>2548</v>
      </c>
      <c r="C658" s="5" t="s">
        <v>2547</v>
      </c>
      <c r="D658" s="5" t="s">
        <v>2546</v>
      </c>
      <c r="E658" s="4" t="s">
        <v>3</v>
      </c>
    </row>
    <row r="659" spans="1:5" ht="23.1" customHeight="1" x14ac:dyDescent="0.2">
      <c r="A659" s="27">
        <v>657</v>
      </c>
      <c r="B659" s="6" t="s">
        <v>2602</v>
      </c>
      <c r="C659" s="5" t="s">
        <v>2603</v>
      </c>
      <c r="D659" s="5" t="s">
        <v>2604</v>
      </c>
      <c r="E659" s="4" t="s">
        <v>3</v>
      </c>
    </row>
    <row r="660" spans="1:5" ht="23.1" customHeight="1" x14ac:dyDescent="0.2">
      <c r="A660" s="27">
        <v>658</v>
      </c>
      <c r="B660" s="6" t="s">
        <v>2545</v>
      </c>
      <c r="C660" s="5" t="s">
        <v>2544</v>
      </c>
      <c r="D660" s="5" t="s">
        <v>2543</v>
      </c>
      <c r="E660" s="4" t="s">
        <v>3</v>
      </c>
    </row>
    <row r="661" spans="1:5" ht="23.1" customHeight="1" x14ac:dyDescent="0.2">
      <c r="A661" s="27">
        <v>659</v>
      </c>
      <c r="B661" s="6" t="s">
        <v>2555</v>
      </c>
      <c r="C661" s="5" t="s">
        <v>2554</v>
      </c>
      <c r="D661" s="5" t="s">
        <v>2552</v>
      </c>
      <c r="E661" s="4" t="s">
        <v>3</v>
      </c>
    </row>
    <row r="662" spans="1:5" ht="23.1" customHeight="1" x14ac:dyDescent="0.2">
      <c r="A662" s="27">
        <v>660</v>
      </c>
      <c r="B662" s="6" t="s">
        <v>2786</v>
      </c>
      <c r="C662" s="5" t="s">
        <v>2784</v>
      </c>
      <c r="D662" s="5" t="s">
        <v>2785</v>
      </c>
      <c r="E662" s="4" t="s">
        <v>3</v>
      </c>
    </row>
    <row r="663" spans="1:5" ht="23.1" customHeight="1" x14ac:dyDescent="0.2">
      <c r="A663" s="27">
        <v>661</v>
      </c>
      <c r="B663" s="6" t="s">
        <v>2739</v>
      </c>
      <c r="C663" s="5" t="s">
        <v>2737</v>
      </c>
      <c r="D663" s="5" t="s">
        <v>2738</v>
      </c>
      <c r="E663" s="4" t="s">
        <v>3</v>
      </c>
    </row>
    <row r="664" spans="1:5" ht="23.1" customHeight="1" x14ac:dyDescent="0.2">
      <c r="A664" s="27">
        <v>662</v>
      </c>
      <c r="B664" s="4" t="s">
        <v>1715</v>
      </c>
      <c r="C664" s="4" t="s">
        <v>1709</v>
      </c>
      <c r="D664" s="4" t="s">
        <v>1723</v>
      </c>
      <c r="E664" s="4" t="s">
        <v>3</v>
      </c>
    </row>
    <row r="665" spans="1:5" ht="23.1" customHeight="1" x14ac:dyDescent="0.2">
      <c r="A665" s="27">
        <v>663</v>
      </c>
      <c r="B665" s="6" t="s">
        <v>2079</v>
      </c>
      <c r="C665" s="5" t="s">
        <v>2231</v>
      </c>
      <c r="D665" s="5" t="s">
        <v>2078</v>
      </c>
      <c r="E665" s="4" t="s">
        <v>3</v>
      </c>
    </row>
    <row r="666" spans="1:5" ht="23.1" customHeight="1" x14ac:dyDescent="0.2">
      <c r="A666" s="27">
        <v>664</v>
      </c>
      <c r="B666" s="6" t="s">
        <v>2887</v>
      </c>
      <c r="C666" s="5" t="s">
        <v>2886</v>
      </c>
      <c r="D666" s="5" t="s">
        <v>2885</v>
      </c>
      <c r="E666" s="4" t="s">
        <v>849</v>
      </c>
    </row>
    <row r="667" spans="1:5" ht="23.1" customHeight="1" x14ac:dyDescent="0.2">
      <c r="A667" s="27">
        <v>665</v>
      </c>
      <c r="B667" s="6" t="s">
        <v>2557</v>
      </c>
      <c r="C667" s="5" t="s">
        <v>2553</v>
      </c>
      <c r="D667" s="5" t="s">
        <v>2556</v>
      </c>
      <c r="E667" s="4" t="s">
        <v>3</v>
      </c>
    </row>
    <row r="668" spans="1:5" ht="23.1" customHeight="1" x14ac:dyDescent="0.2">
      <c r="A668" s="27">
        <v>666</v>
      </c>
      <c r="B668" s="6" t="s">
        <v>1214</v>
      </c>
      <c r="C668" s="5" t="s">
        <v>1215</v>
      </c>
      <c r="D668" s="5" t="s">
        <v>1216</v>
      </c>
      <c r="E668" s="4" t="s">
        <v>849</v>
      </c>
    </row>
    <row r="669" spans="1:5" ht="23.1" customHeight="1" x14ac:dyDescent="0.2">
      <c r="A669" s="27">
        <v>667</v>
      </c>
      <c r="B669" s="6" t="s">
        <v>1217</v>
      </c>
      <c r="C669" s="5" t="s">
        <v>285</v>
      </c>
      <c r="D669" s="5" t="s">
        <v>566</v>
      </c>
      <c r="E669" s="4" t="s">
        <v>3</v>
      </c>
    </row>
    <row r="670" spans="1:5" ht="23.1" customHeight="1" x14ac:dyDescent="0.2">
      <c r="A670" s="27">
        <v>668</v>
      </c>
      <c r="B670" s="6" t="s">
        <v>1873</v>
      </c>
      <c r="C670" s="5" t="s">
        <v>1871</v>
      </c>
      <c r="D670" s="5" t="s">
        <v>1872</v>
      </c>
      <c r="E670" s="4" t="s">
        <v>3</v>
      </c>
    </row>
    <row r="671" spans="1:5" ht="23.1" customHeight="1" x14ac:dyDescent="0.2">
      <c r="A671" s="27">
        <v>669</v>
      </c>
      <c r="B671" s="6" t="s">
        <v>2243</v>
      </c>
      <c r="C671" s="5" t="s">
        <v>2242</v>
      </c>
      <c r="D671" s="5" t="s">
        <v>2241</v>
      </c>
      <c r="E671" s="4" t="s">
        <v>3</v>
      </c>
    </row>
    <row r="672" spans="1:5" ht="23.1" customHeight="1" x14ac:dyDescent="0.2">
      <c r="A672" s="27">
        <v>670</v>
      </c>
      <c r="B672" s="6" t="s">
        <v>1959</v>
      </c>
      <c r="C672" s="5" t="s">
        <v>1957</v>
      </c>
      <c r="D672" s="5" t="s">
        <v>1958</v>
      </c>
      <c r="E672" s="4" t="s">
        <v>3</v>
      </c>
    </row>
    <row r="673" spans="1:5" ht="23.1" customHeight="1" x14ac:dyDescent="0.2">
      <c r="A673" s="27">
        <v>671</v>
      </c>
      <c r="B673" s="6" t="s">
        <v>1962</v>
      </c>
      <c r="C673" s="5" t="s">
        <v>1960</v>
      </c>
      <c r="D673" s="5" t="s">
        <v>1961</v>
      </c>
      <c r="E673" s="4" t="s">
        <v>3</v>
      </c>
    </row>
    <row r="674" spans="1:5" ht="23.1" customHeight="1" x14ac:dyDescent="0.2">
      <c r="A674" s="27">
        <v>672</v>
      </c>
      <c r="B674" s="6" t="s">
        <v>1965</v>
      </c>
      <c r="C674" s="5" t="s">
        <v>1963</v>
      </c>
      <c r="D674" s="5" t="s">
        <v>1964</v>
      </c>
      <c r="E674" s="4" t="s">
        <v>3</v>
      </c>
    </row>
    <row r="675" spans="1:5" ht="23.1" customHeight="1" x14ac:dyDescent="0.2">
      <c r="A675" s="27">
        <v>673</v>
      </c>
      <c r="B675" s="6" t="s">
        <v>1968</v>
      </c>
      <c r="C675" s="5" t="s">
        <v>1966</v>
      </c>
      <c r="D675" s="5" t="s">
        <v>1967</v>
      </c>
      <c r="E675" s="4" t="s">
        <v>3</v>
      </c>
    </row>
    <row r="676" spans="1:5" ht="23.1" customHeight="1" x14ac:dyDescent="0.2">
      <c r="A676" s="27">
        <v>674</v>
      </c>
      <c r="B676" s="6" t="s">
        <v>1218</v>
      </c>
      <c r="C676" s="5" t="s">
        <v>1474</v>
      </c>
      <c r="D676" s="5" t="s">
        <v>1219</v>
      </c>
      <c r="E676" s="4" t="s">
        <v>3</v>
      </c>
    </row>
    <row r="677" spans="1:5" ht="23.1" customHeight="1" x14ac:dyDescent="0.2">
      <c r="A677" s="27">
        <v>675</v>
      </c>
      <c r="B677" s="6" t="s">
        <v>1220</v>
      </c>
      <c r="C677" s="5" t="s">
        <v>286</v>
      </c>
      <c r="D677" s="5" t="s">
        <v>1221</v>
      </c>
      <c r="E677" s="4" t="s">
        <v>3</v>
      </c>
    </row>
    <row r="678" spans="1:5" s="24" customFormat="1" ht="23.1" customHeight="1" x14ac:dyDescent="0.2">
      <c r="A678" s="27">
        <v>676</v>
      </c>
      <c r="B678" s="6" t="s">
        <v>2292</v>
      </c>
      <c r="C678" s="5" t="s">
        <v>2291</v>
      </c>
      <c r="D678" s="5" t="s">
        <v>2290</v>
      </c>
      <c r="E678" s="4" t="s">
        <v>3</v>
      </c>
    </row>
    <row r="679" spans="1:5" ht="23.1" customHeight="1" x14ac:dyDescent="0.2">
      <c r="A679" s="27">
        <v>677</v>
      </c>
      <c r="B679" s="6" t="s">
        <v>1222</v>
      </c>
      <c r="C679" s="5" t="s">
        <v>287</v>
      </c>
      <c r="D679" s="5" t="s">
        <v>567</v>
      </c>
      <c r="E679" s="4" t="s">
        <v>849</v>
      </c>
    </row>
    <row r="680" spans="1:5" ht="23.1" customHeight="1" x14ac:dyDescent="0.2">
      <c r="A680" s="27">
        <v>678</v>
      </c>
      <c r="B680" s="6" t="s">
        <v>2116</v>
      </c>
      <c r="C680" s="5" t="s">
        <v>2115</v>
      </c>
      <c r="D680" s="5" t="s">
        <v>2114</v>
      </c>
      <c r="E680" s="4" t="s">
        <v>3</v>
      </c>
    </row>
    <row r="681" spans="1:5" ht="23.1" customHeight="1" x14ac:dyDescent="0.2">
      <c r="A681" s="27">
        <v>679</v>
      </c>
      <c r="B681" s="6" t="s">
        <v>2631</v>
      </c>
      <c r="C681" s="5" t="s">
        <v>2632</v>
      </c>
      <c r="D681" s="5" t="s">
        <v>2633</v>
      </c>
      <c r="E681" s="4" t="s">
        <v>3</v>
      </c>
    </row>
    <row r="682" spans="1:5" ht="23.1" customHeight="1" x14ac:dyDescent="0.2">
      <c r="A682" s="27">
        <v>680</v>
      </c>
      <c r="B682" s="6" t="s">
        <v>1223</v>
      </c>
      <c r="C682" s="5" t="s">
        <v>288</v>
      </c>
      <c r="D682" s="5" t="s">
        <v>568</v>
      </c>
      <c r="E682" s="4" t="s">
        <v>849</v>
      </c>
    </row>
    <row r="683" spans="1:5" ht="23.1" customHeight="1" x14ac:dyDescent="0.2">
      <c r="A683" s="27">
        <v>681</v>
      </c>
      <c r="B683" s="6" t="s">
        <v>2843</v>
      </c>
      <c r="C683" s="5" t="s">
        <v>2841</v>
      </c>
      <c r="D683" s="5" t="s">
        <v>2842</v>
      </c>
      <c r="E683" s="4" t="s">
        <v>3</v>
      </c>
    </row>
    <row r="684" spans="1:5" ht="23.1" customHeight="1" x14ac:dyDescent="0.2">
      <c r="A684" s="27">
        <v>682</v>
      </c>
      <c r="B684" s="26" t="s">
        <v>3008</v>
      </c>
      <c r="C684" s="1" t="s">
        <v>3007</v>
      </c>
      <c r="D684" s="1" t="s">
        <v>3006</v>
      </c>
      <c r="E684" s="2" t="s">
        <v>3</v>
      </c>
    </row>
    <row r="685" spans="1:5" ht="23.1" customHeight="1" x14ac:dyDescent="0.2">
      <c r="A685" s="27">
        <v>683</v>
      </c>
      <c r="B685" s="26" t="s">
        <v>2999</v>
      </c>
      <c r="C685" s="1" t="s">
        <v>2998</v>
      </c>
      <c r="D685" s="1" t="s">
        <v>2997</v>
      </c>
      <c r="E685" s="2" t="s">
        <v>3</v>
      </c>
    </row>
    <row r="686" spans="1:5" ht="23.1" customHeight="1" x14ac:dyDescent="0.2">
      <c r="A686" s="27">
        <v>684</v>
      </c>
      <c r="B686" s="26" t="s">
        <v>2828</v>
      </c>
      <c r="C686" s="1" t="s">
        <v>2826</v>
      </c>
      <c r="D686" s="1" t="s">
        <v>2827</v>
      </c>
      <c r="E686" s="2" t="s">
        <v>3</v>
      </c>
    </row>
    <row r="687" spans="1:5" ht="23.1" customHeight="1" x14ac:dyDescent="0.2">
      <c r="A687" s="27">
        <v>685</v>
      </c>
      <c r="B687" s="26" t="s">
        <v>1224</v>
      </c>
      <c r="C687" s="1" t="s">
        <v>1225</v>
      </c>
      <c r="D687" s="1" t="s">
        <v>1226</v>
      </c>
      <c r="E687" s="2" t="s">
        <v>849</v>
      </c>
    </row>
    <row r="688" spans="1:5" ht="23.1" customHeight="1" x14ac:dyDescent="0.2">
      <c r="A688" s="27">
        <v>686</v>
      </c>
      <c r="B688" s="26" t="s">
        <v>2965</v>
      </c>
      <c r="C688" s="1" t="s">
        <v>2964</v>
      </c>
      <c r="D688" s="1" t="s">
        <v>2963</v>
      </c>
      <c r="E688" s="2" t="s">
        <v>3</v>
      </c>
    </row>
    <row r="689" spans="1:5" ht="23.1" customHeight="1" x14ac:dyDescent="0.2">
      <c r="A689" s="27">
        <v>687</v>
      </c>
      <c r="B689" s="26" t="s">
        <v>2049</v>
      </c>
      <c r="C689" s="1" t="s">
        <v>2047</v>
      </c>
      <c r="D689" s="1" t="s">
        <v>2048</v>
      </c>
      <c r="E689" s="2" t="s">
        <v>3</v>
      </c>
    </row>
    <row r="690" spans="1:5" ht="23.1" customHeight="1" x14ac:dyDescent="0.2">
      <c r="A690" s="27">
        <v>688</v>
      </c>
      <c r="B690" s="6" t="s">
        <v>1227</v>
      </c>
      <c r="C690" s="5" t="s">
        <v>289</v>
      </c>
      <c r="D690" s="5" t="s">
        <v>569</v>
      </c>
      <c r="E690" s="4" t="s">
        <v>3</v>
      </c>
    </row>
    <row r="691" spans="1:5" ht="23.1" customHeight="1" x14ac:dyDescent="0.2">
      <c r="A691" s="27">
        <v>689</v>
      </c>
      <c r="B691" s="6" t="s">
        <v>1228</v>
      </c>
      <c r="C691" s="5" t="s">
        <v>290</v>
      </c>
      <c r="D691" s="5" t="s">
        <v>570</v>
      </c>
      <c r="E691" s="4" t="s">
        <v>849</v>
      </c>
    </row>
    <row r="692" spans="1:5" ht="23.1" customHeight="1" x14ac:dyDescent="0.2">
      <c r="A692" s="27">
        <v>690</v>
      </c>
      <c r="B692" s="6" t="s">
        <v>1229</v>
      </c>
      <c r="C692" s="5" t="s">
        <v>2232</v>
      </c>
      <c r="D692" s="5" t="s">
        <v>2233</v>
      </c>
      <c r="E692" s="4" t="s">
        <v>849</v>
      </c>
    </row>
    <row r="693" spans="1:5" ht="23.1" customHeight="1" x14ac:dyDescent="0.2">
      <c r="A693" s="27">
        <v>691</v>
      </c>
      <c r="B693" s="6" t="s">
        <v>1232</v>
      </c>
      <c r="C693" s="5" t="s">
        <v>293</v>
      </c>
      <c r="D693" s="5" t="s">
        <v>573</v>
      </c>
      <c r="E693" s="4" t="s">
        <v>849</v>
      </c>
    </row>
    <row r="694" spans="1:5" ht="23.1" customHeight="1" x14ac:dyDescent="0.2">
      <c r="A694" s="27">
        <v>692</v>
      </c>
      <c r="B694" s="6" t="s">
        <v>1531</v>
      </c>
      <c r="C694" s="5" t="s">
        <v>1532</v>
      </c>
      <c r="D694" s="5" t="s">
        <v>1533</v>
      </c>
      <c r="E694" s="4" t="s">
        <v>849</v>
      </c>
    </row>
    <row r="695" spans="1:5" ht="23.1" customHeight="1" x14ac:dyDescent="0.2">
      <c r="A695" s="27">
        <v>693</v>
      </c>
      <c r="B695" s="6" t="s">
        <v>1233</v>
      </c>
      <c r="C695" s="5" t="s">
        <v>294</v>
      </c>
      <c r="D695" s="5" t="s">
        <v>574</v>
      </c>
      <c r="E695" s="4" t="s">
        <v>849</v>
      </c>
    </row>
    <row r="696" spans="1:5" ht="23.1" customHeight="1" x14ac:dyDescent="0.2">
      <c r="A696" s="27">
        <v>694</v>
      </c>
      <c r="B696" s="4" t="s">
        <v>2696</v>
      </c>
      <c r="C696" s="5" t="s">
        <v>2694</v>
      </c>
      <c r="D696" s="5" t="s">
        <v>2695</v>
      </c>
      <c r="E696" s="4" t="s">
        <v>849</v>
      </c>
    </row>
    <row r="697" spans="1:5" ht="23.1" customHeight="1" x14ac:dyDescent="0.2">
      <c r="A697" s="27">
        <v>695</v>
      </c>
      <c r="B697" s="6" t="s">
        <v>1230</v>
      </c>
      <c r="C697" s="5" t="s">
        <v>291</v>
      </c>
      <c r="D697" s="5" t="s">
        <v>571</v>
      </c>
      <c r="E697" s="4" t="s">
        <v>849</v>
      </c>
    </row>
    <row r="698" spans="1:5" ht="23.1" customHeight="1" x14ac:dyDescent="0.2">
      <c r="A698" s="27">
        <v>696</v>
      </c>
      <c r="B698" s="6" t="s">
        <v>1231</v>
      </c>
      <c r="C698" s="5" t="s">
        <v>292</v>
      </c>
      <c r="D698" s="5" t="s">
        <v>572</v>
      </c>
      <c r="E698" s="4" t="s">
        <v>849</v>
      </c>
    </row>
    <row r="699" spans="1:5" ht="23.1" customHeight="1" x14ac:dyDescent="0.2">
      <c r="A699" s="27">
        <v>697</v>
      </c>
      <c r="B699" s="6" t="s">
        <v>2391</v>
      </c>
      <c r="C699" s="5" t="s">
        <v>295</v>
      </c>
      <c r="D699" s="5" t="s">
        <v>2389</v>
      </c>
      <c r="E699" s="4" t="s">
        <v>3</v>
      </c>
    </row>
    <row r="700" spans="1:5" ht="23.1" customHeight="1" x14ac:dyDescent="0.2">
      <c r="A700" s="27">
        <v>698</v>
      </c>
      <c r="B700" s="6" t="s">
        <v>2392</v>
      </c>
      <c r="C700" s="5" t="s">
        <v>2388</v>
      </c>
      <c r="D700" s="5" t="s">
        <v>2390</v>
      </c>
      <c r="E700" s="4" t="s">
        <v>849</v>
      </c>
    </row>
    <row r="701" spans="1:5" ht="23.1" customHeight="1" x14ac:dyDescent="0.2">
      <c r="A701" s="27">
        <v>699</v>
      </c>
      <c r="B701" s="6" t="s">
        <v>1234</v>
      </c>
      <c r="C701" s="5" t="s">
        <v>296</v>
      </c>
      <c r="D701" s="5" t="s">
        <v>575</v>
      </c>
      <c r="E701" s="4" t="s">
        <v>849</v>
      </c>
    </row>
    <row r="702" spans="1:5" ht="23.1" customHeight="1" x14ac:dyDescent="0.2">
      <c r="A702" s="27">
        <v>700</v>
      </c>
      <c r="B702" s="6" t="s">
        <v>1235</v>
      </c>
      <c r="C702" s="5" t="s">
        <v>297</v>
      </c>
      <c r="D702" s="5" t="s">
        <v>576</v>
      </c>
      <c r="E702" s="4" t="s">
        <v>3</v>
      </c>
    </row>
    <row r="703" spans="1:5" ht="23.1" customHeight="1" x14ac:dyDescent="0.2">
      <c r="A703" s="27">
        <v>701</v>
      </c>
      <c r="B703" s="6" t="s">
        <v>1236</v>
      </c>
      <c r="C703" s="5" t="s">
        <v>298</v>
      </c>
      <c r="D703" s="5" t="s">
        <v>577</v>
      </c>
      <c r="E703" s="4" t="s">
        <v>849</v>
      </c>
    </row>
    <row r="704" spans="1:5" ht="23.1" customHeight="1" x14ac:dyDescent="0.2">
      <c r="A704" s="27">
        <v>702</v>
      </c>
      <c r="B704" s="4" t="s">
        <v>2665</v>
      </c>
      <c r="C704" s="4" t="s">
        <v>1708</v>
      </c>
      <c r="D704" s="4" t="s">
        <v>1722</v>
      </c>
      <c r="E704" s="4" t="s">
        <v>3</v>
      </c>
    </row>
    <row r="705" spans="1:5" ht="23.1" customHeight="1" x14ac:dyDescent="0.2">
      <c r="A705" s="27">
        <v>703</v>
      </c>
      <c r="B705" s="2" t="s">
        <v>2962</v>
      </c>
      <c r="C705" s="2" t="s">
        <v>2961</v>
      </c>
      <c r="D705" s="2" t="s">
        <v>2960</v>
      </c>
      <c r="E705" s="2" t="s">
        <v>3</v>
      </c>
    </row>
    <row r="706" spans="1:5" ht="23.1" customHeight="1" x14ac:dyDescent="0.2">
      <c r="A706" s="27">
        <v>704</v>
      </c>
      <c r="B706" s="4" t="s">
        <v>2666</v>
      </c>
      <c r="C706" s="4" t="s">
        <v>2663</v>
      </c>
      <c r="D706" s="4" t="s">
        <v>2664</v>
      </c>
      <c r="E706" s="4" t="s">
        <v>3</v>
      </c>
    </row>
    <row r="707" spans="1:5" ht="23.1" customHeight="1" x14ac:dyDescent="0.2">
      <c r="A707" s="27">
        <v>705</v>
      </c>
      <c r="B707" s="6" t="s">
        <v>2328</v>
      </c>
      <c r="C707" s="4" t="s">
        <v>2327</v>
      </c>
      <c r="D707" s="4" t="s">
        <v>2326</v>
      </c>
      <c r="E707" s="4" t="s">
        <v>3</v>
      </c>
    </row>
    <row r="708" spans="1:5" ht="23.1" customHeight="1" x14ac:dyDescent="0.2">
      <c r="A708" s="27">
        <v>706</v>
      </c>
      <c r="B708" s="4" t="s">
        <v>1911</v>
      </c>
      <c r="C708" s="4" t="s">
        <v>1909</v>
      </c>
      <c r="D708" s="4" t="s">
        <v>1910</v>
      </c>
      <c r="E708" s="4" t="s">
        <v>3</v>
      </c>
    </row>
    <row r="709" spans="1:5" ht="23.1" customHeight="1" x14ac:dyDescent="0.2">
      <c r="A709" s="27">
        <v>707</v>
      </c>
      <c r="B709" s="4" t="s">
        <v>2424</v>
      </c>
      <c r="C709" s="4" t="s">
        <v>2422</v>
      </c>
      <c r="D709" s="4" t="s">
        <v>2423</v>
      </c>
      <c r="E709" s="4" t="s">
        <v>3</v>
      </c>
    </row>
    <row r="710" spans="1:5" ht="23.1" customHeight="1" x14ac:dyDescent="0.2">
      <c r="A710" s="27">
        <v>708</v>
      </c>
      <c r="B710" s="4" t="s">
        <v>1636</v>
      </c>
      <c r="C710" s="4" t="s">
        <v>1642</v>
      </c>
      <c r="D710" s="4" t="s">
        <v>1650</v>
      </c>
      <c r="E710" s="4" t="s">
        <v>1630</v>
      </c>
    </row>
    <row r="711" spans="1:5" ht="23.1" customHeight="1" x14ac:dyDescent="0.2">
      <c r="A711" s="27">
        <v>709</v>
      </c>
      <c r="B711" s="6" t="s">
        <v>1656</v>
      </c>
      <c r="C711" s="6" t="s">
        <v>1658</v>
      </c>
      <c r="D711" s="6" t="s">
        <v>1661</v>
      </c>
      <c r="E711" s="4" t="s">
        <v>1630</v>
      </c>
    </row>
    <row r="712" spans="1:5" ht="23.1" customHeight="1" x14ac:dyDescent="0.2">
      <c r="A712" s="27">
        <v>710</v>
      </c>
      <c r="B712" s="6" t="s">
        <v>2035</v>
      </c>
      <c r="C712" s="5" t="s">
        <v>2033</v>
      </c>
      <c r="D712" s="5" t="s">
        <v>2034</v>
      </c>
      <c r="E712" s="4" t="s">
        <v>3</v>
      </c>
    </row>
    <row r="713" spans="1:5" ht="23.1" customHeight="1" x14ac:dyDescent="0.2">
      <c r="A713" s="27">
        <v>711</v>
      </c>
      <c r="B713" s="6" t="s">
        <v>2495</v>
      </c>
      <c r="C713" s="5" t="s">
        <v>2493</v>
      </c>
      <c r="D713" s="5" t="s">
        <v>2494</v>
      </c>
      <c r="E713" s="4" t="s">
        <v>3</v>
      </c>
    </row>
    <row r="714" spans="1:5" ht="23.1" customHeight="1" x14ac:dyDescent="0.2">
      <c r="A714" s="27">
        <v>712</v>
      </c>
      <c r="B714" s="6" t="s">
        <v>1394</v>
      </c>
      <c r="C714" s="5" t="s">
        <v>1847</v>
      </c>
      <c r="D714" s="5" t="s">
        <v>1395</v>
      </c>
      <c r="E714" s="4" t="s">
        <v>3</v>
      </c>
    </row>
    <row r="715" spans="1:5" ht="23.1" customHeight="1" x14ac:dyDescent="0.2">
      <c r="A715" s="27">
        <v>713</v>
      </c>
      <c r="B715" s="26" t="s">
        <v>1396</v>
      </c>
      <c r="C715" s="19" t="s">
        <v>410</v>
      </c>
      <c r="D715" s="19" t="s">
        <v>684</v>
      </c>
      <c r="E715" s="2" t="s">
        <v>849</v>
      </c>
    </row>
    <row r="716" spans="1:5" ht="23.1" customHeight="1" x14ac:dyDescent="0.2">
      <c r="A716" s="27">
        <v>714</v>
      </c>
      <c r="B716" s="26" t="s">
        <v>2950</v>
      </c>
      <c r="C716" s="19" t="s">
        <v>2949</v>
      </c>
      <c r="D716" s="19" t="s">
        <v>2948</v>
      </c>
      <c r="E716" s="2" t="s">
        <v>3</v>
      </c>
    </row>
    <row r="717" spans="1:5" ht="23.1" customHeight="1" x14ac:dyDescent="0.2">
      <c r="A717" s="27">
        <v>715</v>
      </c>
      <c r="B717" s="26" t="s">
        <v>2981</v>
      </c>
      <c r="C717" s="19" t="s">
        <v>2980</v>
      </c>
      <c r="D717" s="19" t="s">
        <v>2979</v>
      </c>
      <c r="E717" s="2" t="s">
        <v>3</v>
      </c>
    </row>
    <row r="718" spans="1:5" ht="23.1" customHeight="1" x14ac:dyDescent="0.2">
      <c r="A718" s="27">
        <v>716</v>
      </c>
      <c r="B718" s="6" t="s">
        <v>1397</v>
      </c>
      <c r="C718" s="5" t="s">
        <v>845</v>
      </c>
      <c r="D718" s="5" t="s">
        <v>1398</v>
      </c>
      <c r="E718" s="4" t="s">
        <v>3</v>
      </c>
    </row>
    <row r="719" spans="1:5" ht="23.1" customHeight="1" x14ac:dyDescent="0.2">
      <c r="A719" s="27">
        <v>717</v>
      </c>
      <c r="B719" s="6" t="s">
        <v>2010</v>
      </c>
      <c r="C719" s="5" t="s">
        <v>2008</v>
      </c>
      <c r="D719" s="5" t="s">
        <v>2009</v>
      </c>
      <c r="E719" s="4" t="s">
        <v>3</v>
      </c>
    </row>
    <row r="720" spans="1:5" s="24" customFormat="1" ht="23.1" customHeight="1" x14ac:dyDescent="0.2">
      <c r="A720" s="27">
        <v>718</v>
      </c>
      <c r="B720" s="6" t="s">
        <v>2917</v>
      </c>
      <c r="C720" s="5" t="s">
        <v>2916</v>
      </c>
      <c r="D720" s="5" t="s">
        <v>2915</v>
      </c>
      <c r="E720" s="4" t="s">
        <v>849</v>
      </c>
    </row>
    <row r="721" spans="1:5" ht="23.1" customHeight="1" x14ac:dyDescent="0.2">
      <c r="A721" s="27">
        <v>719</v>
      </c>
      <c r="B721" s="6" t="s">
        <v>2085</v>
      </c>
      <c r="C721" s="5" t="s">
        <v>2084</v>
      </c>
      <c r="D721" s="5" t="s">
        <v>2083</v>
      </c>
      <c r="E721" s="4" t="s">
        <v>849</v>
      </c>
    </row>
    <row r="722" spans="1:5" ht="23.1" customHeight="1" x14ac:dyDescent="0.2">
      <c r="A722" s="27">
        <v>720</v>
      </c>
      <c r="B722" s="6" t="s">
        <v>2158</v>
      </c>
      <c r="C722" s="5" t="s">
        <v>2156</v>
      </c>
      <c r="D722" s="5" t="s">
        <v>2157</v>
      </c>
      <c r="E722" s="4" t="s">
        <v>3</v>
      </c>
    </row>
    <row r="723" spans="1:5" ht="23.1" customHeight="1" x14ac:dyDescent="0.2">
      <c r="A723" s="27">
        <v>721</v>
      </c>
      <c r="B723" s="6" t="s">
        <v>2674</v>
      </c>
      <c r="C723" s="5" t="s">
        <v>2672</v>
      </c>
      <c r="D723" s="5" t="s">
        <v>2673</v>
      </c>
      <c r="E723" s="4" t="s">
        <v>3</v>
      </c>
    </row>
    <row r="724" spans="1:5" ht="23.1" customHeight="1" x14ac:dyDescent="0.2">
      <c r="A724" s="27">
        <v>722</v>
      </c>
      <c r="B724" s="6" t="s">
        <v>2427</v>
      </c>
      <c r="C724" s="5" t="s">
        <v>2425</v>
      </c>
      <c r="D724" s="5" t="s">
        <v>2426</v>
      </c>
      <c r="E724" s="4" t="s">
        <v>3</v>
      </c>
    </row>
    <row r="725" spans="1:5" ht="23.1" customHeight="1" x14ac:dyDescent="0.2">
      <c r="A725" s="27">
        <v>723</v>
      </c>
      <c r="B725" s="6" t="s">
        <v>2752</v>
      </c>
      <c r="C725" s="5" t="s">
        <v>2751</v>
      </c>
      <c r="D725" s="5" t="s">
        <v>2750</v>
      </c>
      <c r="E725" s="4" t="s">
        <v>3</v>
      </c>
    </row>
    <row r="726" spans="1:5" ht="23.1" customHeight="1" x14ac:dyDescent="0.2">
      <c r="A726" s="27">
        <v>724</v>
      </c>
      <c r="B726" s="6" t="s">
        <v>2864</v>
      </c>
      <c r="C726" s="5" t="s">
        <v>2862</v>
      </c>
      <c r="D726" s="5" t="s">
        <v>2863</v>
      </c>
      <c r="E726" s="4" t="s">
        <v>3</v>
      </c>
    </row>
    <row r="727" spans="1:5" ht="23.1" customHeight="1" x14ac:dyDescent="0.2">
      <c r="A727" s="27">
        <v>725</v>
      </c>
      <c r="B727" s="6" t="s">
        <v>1795</v>
      </c>
      <c r="C727" s="5" t="s">
        <v>1793</v>
      </c>
      <c r="D727" s="5" t="s">
        <v>1794</v>
      </c>
      <c r="E727" s="4" t="s">
        <v>3</v>
      </c>
    </row>
    <row r="728" spans="1:5" ht="23.1" customHeight="1" x14ac:dyDescent="0.2">
      <c r="A728" s="27">
        <v>726</v>
      </c>
      <c r="B728" s="6" t="s">
        <v>2531</v>
      </c>
      <c r="C728" s="5" t="s">
        <v>2530</v>
      </c>
      <c r="D728" s="5" t="s">
        <v>2529</v>
      </c>
      <c r="E728" s="4" t="s">
        <v>3</v>
      </c>
    </row>
    <row r="729" spans="1:5" ht="23.1" customHeight="1" x14ac:dyDescent="0.2">
      <c r="A729" s="27">
        <v>727</v>
      </c>
      <c r="B729" s="4" t="s">
        <v>1717</v>
      </c>
      <c r="C729" s="4" t="s">
        <v>1710</v>
      </c>
      <c r="D729" s="4" t="s">
        <v>1724</v>
      </c>
      <c r="E729" s="4" t="s">
        <v>849</v>
      </c>
    </row>
    <row r="730" spans="1:5" ht="23.1" customHeight="1" x14ac:dyDescent="0.2">
      <c r="A730" s="27">
        <v>728</v>
      </c>
      <c r="B730" s="6" t="s">
        <v>2184</v>
      </c>
      <c r="C730" s="5" t="s">
        <v>2067</v>
      </c>
      <c r="D730" s="5" t="s">
        <v>685</v>
      </c>
      <c r="E730" s="4" t="s">
        <v>849</v>
      </c>
    </row>
    <row r="731" spans="1:5" ht="23.1" customHeight="1" x14ac:dyDescent="0.2">
      <c r="A731" s="27">
        <v>729</v>
      </c>
      <c r="B731" s="6" t="s">
        <v>2185</v>
      </c>
      <c r="C731" s="5" t="s">
        <v>2183</v>
      </c>
      <c r="D731" s="5" t="s">
        <v>2182</v>
      </c>
      <c r="E731" s="4" t="s">
        <v>3</v>
      </c>
    </row>
    <row r="732" spans="1:5" ht="23.1" customHeight="1" x14ac:dyDescent="0.2">
      <c r="A732" s="27">
        <v>730</v>
      </c>
      <c r="B732" s="6" t="s">
        <v>2911</v>
      </c>
      <c r="C732" s="5" t="s">
        <v>2910</v>
      </c>
      <c r="D732" s="5" t="s">
        <v>2909</v>
      </c>
      <c r="E732" s="4" t="s">
        <v>3</v>
      </c>
    </row>
    <row r="733" spans="1:5" ht="23.1" customHeight="1" x14ac:dyDescent="0.2">
      <c r="A733" s="27">
        <v>731</v>
      </c>
      <c r="B733" s="6" t="s">
        <v>2062</v>
      </c>
      <c r="C733" s="5" t="s">
        <v>2060</v>
      </c>
      <c r="D733" s="5" t="s">
        <v>2061</v>
      </c>
      <c r="E733" s="4" t="s">
        <v>3</v>
      </c>
    </row>
    <row r="734" spans="1:5" ht="23.1" customHeight="1" x14ac:dyDescent="0.2">
      <c r="A734" s="27">
        <v>732</v>
      </c>
      <c r="B734" s="4" t="s">
        <v>1668</v>
      </c>
      <c r="C734" s="4" t="s">
        <v>1677</v>
      </c>
      <c r="D734" s="4" t="s">
        <v>1682</v>
      </c>
      <c r="E734" s="4" t="s">
        <v>3</v>
      </c>
    </row>
    <row r="735" spans="1:5" ht="23.1" customHeight="1" x14ac:dyDescent="0.2">
      <c r="A735" s="27">
        <v>733</v>
      </c>
      <c r="B735" s="4" t="s">
        <v>1614</v>
      </c>
      <c r="C735" s="5" t="s">
        <v>1621</v>
      </c>
      <c r="D735" s="5" t="s">
        <v>1627</v>
      </c>
      <c r="E735" s="4" t="s">
        <v>1630</v>
      </c>
    </row>
    <row r="736" spans="1:5" ht="23.1" customHeight="1" x14ac:dyDescent="0.2">
      <c r="A736" s="27">
        <v>734</v>
      </c>
      <c r="B736" s="6" t="s">
        <v>1399</v>
      </c>
      <c r="C736" s="5" t="s">
        <v>411</v>
      </c>
      <c r="D736" s="5" t="s">
        <v>686</v>
      </c>
      <c r="E736" s="4" t="s">
        <v>849</v>
      </c>
    </row>
    <row r="737" spans="1:7" ht="23.1" customHeight="1" x14ac:dyDescent="0.2">
      <c r="A737" s="27">
        <v>735</v>
      </c>
      <c r="B737" s="6" t="s">
        <v>1798</v>
      </c>
      <c r="C737" s="5" t="s">
        <v>1796</v>
      </c>
      <c r="D737" s="5" t="s">
        <v>1797</v>
      </c>
      <c r="E737" s="4" t="s">
        <v>3</v>
      </c>
      <c r="G737" s="25"/>
    </row>
    <row r="738" spans="1:7" ht="23.1" customHeight="1" x14ac:dyDescent="0.2">
      <c r="A738" s="27">
        <v>736</v>
      </c>
      <c r="B738" s="6" t="s">
        <v>1400</v>
      </c>
      <c r="C738" s="5" t="s">
        <v>412</v>
      </c>
      <c r="D738" s="5" t="s">
        <v>687</v>
      </c>
      <c r="E738" s="4" t="s">
        <v>849</v>
      </c>
    </row>
    <row r="739" spans="1:7" ht="23.1" customHeight="1" x14ac:dyDescent="0.2">
      <c r="A739" s="27">
        <v>737</v>
      </c>
      <c r="B739" s="6" t="s">
        <v>1865</v>
      </c>
      <c r="C739" s="5" t="s">
        <v>1863</v>
      </c>
      <c r="D739" s="5" t="s">
        <v>1864</v>
      </c>
      <c r="E739" s="4" t="s">
        <v>3</v>
      </c>
    </row>
    <row r="740" spans="1:7" ht="23.1" customHeight="1" x14ac:dyDescent="0.2">
      <c r="A740" s="27">
        <v>738</v>
      </c>
      <c r="B740" s="6" t="s">
        <v>1867</v>
      </c>
      <c r="C740" s="5" t="s">
        <v>1866</v>
      </c>
      <c r="D740" s="5" t="s">
        <v>1864</v>
      </c>
      <c r="E740" s="4" t="s">
        <v>3</v>
      </c>
    </row>
    <row r="741" spans="1:7" ht="23.1" customHeight="1" x14ac:dyDescent="0.2">
      <c r="A741" s="27">
        <v>739</v>
      </c>
      <c r="B741" s="6" t="s">
        <v>1401</v>
      </c>
      <c r="C741" s="5" t="s">
        <v>1402</v>
      </c>
      <c r="D741" s="5" t="s">
        <v>1403</v>
      </c>
      <c r="E741" s="4" t="s">
        <v>849</v>
      </c>
    </row>
    <row r="742" spans="1:7" ht="23.1" customHeight="1" x14ac:dyDescent="0.2">
      <c r="A742" s="27">
        <v>740</v>
      </c>
      <c r="B742" s="6" t="s">
        <v>1404</v>
      </c>
      <c r="C742" s="5" t="s">
        <v>413</v>
      </c>
      <c r="D742" s="5" t="s">
        <v>688</v>
      </c>
      <c r="E742" s="4" t="s">
        <v>849</v>
      </c>
    </row>
    <row r="743" spans="1:7" ht="23.1" customHeight="1" x14ac:dyDescent="0.2">
      <c r="A743" s="27">
        <v>741</v>
      </c>
      <c r="B743" s="6" t="s">
        <v>2126</v>
      </c>
      <c r="C743" s="5" t="s">
        <v>2124</v>
      </c>
      <c r="D743" s="5" t="s">
        <v>2125</v>
      </c>
      <c r="E743" s="4" t="s">
        <v>849</v>
      </c>
    </row>
    <row r="744" spans="1:7" ht="23.1" customHeight="1" x14ac:dyDescent="0.2">
      <c r="A744" s="27">
        <v>742</v>
      </c>
      <c r="B744" s="6" t="s">
        <v>1405</v>
      </c>
      <c r="C744" s="5" t="s">
        <v>414</v>
      </c>
      <c r="D744" s="5" t="s">
        <v>689</v>
      </c>
      <c r="E744" s="4" t="s">
        <v>849</v>
      </c>
    </row>
    <row r="745" spans="1:7" ht="23.1" customHeight="1" x14ac:dyDescent="0.2">
      <c r="A745" s="27">
        <v>743</v>
      </c>
      <c r="B745" s="6" t="s">
        <v>2281</v>
      </c>
      <c r="C745" s="5" t="s">
        <v>415</v>
      </c>
      <c r="D745" s="5" t="s">
        <v>690</v>
      </c>
      <c r="E745" s="4" t="s">
        <v>849</v>
      </c>
    </row>
    <row r="746" spans="1:7" ht="23.1" customHeight="1" x14ac:dyDescent="0.2">
      <c r="A746" s="27">
        <v>744</v>
      </c>
      <c r="B746" s="6" t="s">
        <v>2282</v>
      </c>
      <c r="C746" s="5" t="s">
        <v>2280</v>
      </c>
      <c r="D746" s="5" t="s">
        <v>2279</v>
      </c>
      <c r="E746" s="4" t="s">
        <v>3</v>
      </c>
    </row>
    <row r="747" spans="1:7" ht="23.1" customHeight="1" x14ac:dyDescent="0.2">
      <c r="A747" s="27">
        <v>745</v>
      </c>
      <c r="B747" s="6" t="s">
        <v>1406</v>
      </c>
      <c r="C747" s="5" t="s">
        <v>1407</v>
      </c>
      <c r="D747" s="5" t="s">
        <v>691</v>
      </c>
      <c r="E747" s="4" t="s">
        <v>849</v>
      </c>
    </row>
    <row r="748" spans="1:7" ht="23.1" customHeight="1" x14ac:dyDescent="0.2">
      <c r="A748" s="27">
        <v>746</v>
      </c>
      <c r="B748" s="6" t="s">
        <v>1408</v>
      </c>
      <c r="C748" s="5" t="s">
        <v>416</v>
      </c>
      <c r="D748" s="5" t="s">
        <v>692</v>
      </c>
      <c r="E748" s="4" t="s">
        <v>849</v>
      </c>
    </row>
    <row r="749" spans="1:7" ht="23.1" customHeight="1" x14ac:dyDescent="0.2">
      <c r="A749" s="27">
        <v>747</v>
      </c>
      <c r="B749" s="6" t="s">
        <v>1409</v>
      </c>
      <c r="C749" s="5" t="s">
        <v>417</v>
      </c>
      <c r="D749" s="5" t="s">
        <v>693</v>
      </c>
      <c r="E749" s="4" t="s">
        <v>849</v>
      </c>
    </row>
    <row r="750" spans="1:7" ht="23.1" customHeight="1" x14ac:dyDescent="0.2">
      <c r="A750" s="27">
        <v>748</v>
      </c>
      <c r="B750" s="6" t="s">
        <v>1410</v>
      </c>
      <c r="C750" s="5" t="s">
        <v>418</v>
      </c>
      <c r="D750" s="5" t="s">
        <v>694</v>
      </c>
      <c r="E750" s="4" t="s">
        <v>849</v>
      </c>
    </row>
    <row r="751" spans="1:7" ht="23.1" customHeight="1" x14ac:dyDescent="0.2">
      <c r="A751" s="27">
        <v>749</v>
      </c>
      <c r="B751" s="6" t="s">
        <v>1411</v>
      </c>
      <c r="C751" s="5" t="s">
        <v>420</v>
      </c>
      <c r="D751" s="5" t="s">
        <v>695</v>
      </c>
      <c r="E751" s="4" t="s">
        <v>849</v>
      </c>
    </row>
    <row r="752" spans="1:7" ht="23.1" customHeight="1" x14ac:dyDescent="0.2">
      <c r="A752" s="27">
        <v>750</v>
      </c>
      <c r="B752" s="6" t="s">
        <v>1412</v>
      </c>
      <c r="C752" s="5" t="s">
        <v>419</v>
      </c>
      <c r="D752" s="5" t="s">
        <v>695</v>
      </c>
      <c r="E752" s="4" t="s">
        <v>849</v>
      </c>
    </row>
    <row r="753" spans="1:5" ht="23.1" customHeight="1" x14ac:dyDescent="0.2">
      <c r="A753" s="27">
        <v>751</v>
      </c>
      <c r="B753" s="6" t="s">
        <v>1413</v>
      </c>
      <c r="C753" s="5" t="s">
        <v>421</v>
      </c>
      <c r="D753" s="5" t="s">
        <v>695</v>
      </c>
      <c r="E753" s="4" t="s">
        <v>849</v>
      </c>
    </row>
    <row r="754" spans="1:5" ht="23.1" customHeight="1" x14ac:dyDescent="0.2">
      <c r="A754" s="27">
        <v>752</v>
      </c>
      <c r="B754" s="6" t="s">
        <v>2682</v>
      </c>
      <c r="C754" s="5" t="s">
        <v>422</v>
      </c>
      <c r="D754" s="5" t="s">
        <v>696</v>
      </c>
      <c r="E754" s="4" t="s">
        <v>849</v>
      </c>
    </row>
    <row r="755" spans="1:5" ht="23.1" customHeight="1" x14ac:dyDescent="0.2">
      <c r="A755" s="27">
        <v>753</v>
      </c>
      <c r="B755" s="6" t="s">
        <v>2683</v>
      </c>
      <c r="C755" s="5" t="s">
        <v>2680</v>
      </c>
      <c r="D755" s="5" t="s">
        <v>2681</v>
      </c>
      <c r="E755" s="4" t="s">
        <v>3</v>
      </c>
    </row>
    <row r="756" spans="1:5" ht="23.1" customHeight="1" x14ac:dyDescent="0.2">
      <c r="A756" s="27">
        <v>754</v>
      </c>
      <c r="B756" s="6" t="s">
        <v>1414</v>
      </c>
      <c r="C756" s="5" t="s">
        <v>423</v>
      </c>
      <c r="D756" s="5" t="s">
        <v>697</v>
      </c>
      <c r="E756" s="4" t="s">
        <v>849</v>
      </c>
    </row>
    <row r="757" spans="1:5" ht="23.1" customHeight="1" x14ac:dyDescent="0.2">
      <c r="A757" s="27">
        <v>755</v>
      </c>
      <c r="B757" s="4" t="s">
        <v>1667</v>
      </c>
      <c r="C757" s="4" t="s">
        <v>1676</v>
      </c>
      <c r="D757" s="4" t="s">
        <v>1681</v>
      </c>
      <c r="E757" s="4" t="s">
        <v>849</v>
      </c>
    </row>
    <row r="758" spans="1:5" ht="23.1" customHeight="1" x14ac:dyDescent="0.2">
      <c r="A758" s="27">
        <v>756</v>
      </c>
      <c r="B758" s="6" t="s">
        <v>1415</v>
      </c>
      <c r="C758" s="5" t="s">
        <v>424</v>
      </c>
      <c r="D758" s="5" t="s">
        <v>698</v>
      </c>
      <c r="E758" s="4" t="s">
        <v>849</v>
      </c>
    </row>
    <row r="759" spans="1:5" ht="23.1" customHeight="1" x14ac:dyDescent="0.2">
      <c r="A759" s="27">
        <v>757</v>
      </c>
      <c r="B759" s="6" t="s">
        <v>2486</v>
      </c>
      <c r="C759" s="5" t="s">
        <v>2484</v>
      </c>
      <c r="D759" s="5" t="s">
        <v>2485</v>
      </c>
      <c r="E759" s="4" t="s">
        <v>3</v>
      </c>
    </row>
    <row r="760" spans="1:5" ht="23.1" customHeight="1" x14ac:dyDescent="0.2">
      <c r="A760" s="27">
        <v>758</v>
      </c>
      <c r="B760" s="6" t="s">
        <v>1416</v>
      </c>
      <c r="C760" s="5" t="s">
        <v>1938</v>
      </c>
      <c r="D760" s="5" t="s">
        <v>699</v>
      </c>
      <c r="E760" s="4" t="s">
        <v>849</v>
      </c>
    </row>
    <row r="761" spans="1:5" ht="23.1" customHeight="1" x14ac:dyDescent="0.2">
      <c r="A761" s="27">
        <v>759</v>
      </c>
      <c r="B761" s="6" t="s">
        <v>1417</v>
      </c>
      <c r="C761" s="5" t="s">
        <v>1740</v>
      </c>
      <c r="D761" s="5" t="s">
        <v>700</v>
      </c>
      <c r="E761" s="4" t="s">
        <v>849</v>
      </c>
    </row>
    <row r="762" spans="1:5" ht="23.1" customHeight="1" x14ac:dyDescent="0.2">
      <c r="A762" s="27">
        <v>760</v>
      </c>
      <c r="B762" s="6" t="s">
        <v>1418</v>
      </c>
      <c r="C762" s="9" t="s">
        <v>425</v>
      </c>
      <c r="D762" s="9" t="s">
        <v>701</v>
      </c>
      <c r="E762" s="4" t="s">
        <v>849</v>
      </c>
    </row>
    <row r="763" spans="1:5" ht="23.1" customHeight="1" x14ac:dyDescent="0.2">
      <c r="A763" s="27">
        <v>761</v>
      </c>
      <c r="B763" s="6" t="s">
        <v>1419</v>
      </c>
      <c r="C763" s="5" t="s">
        <v>426</v>
      </c>
      <c r="D763" s="5" t="s">
        <v>702</v>
      </c>
      <c r="E763" s="4" t="s">
        <v>849</v>
      </c>
    </row>
    <row r="764" spans="1:5" ht="23.1" customHeight="1" x14ac:dyDescent="0.2">
      <c r="A764" s="27">
        <v>762</v>
      </c>
      <c r="B764" s="6" t="s">
        <v>1420</v>
      </c>
      <c r="C764" s="5" t="s">
        <v>427</v>
      </c>
      <c r="D764" s="5" t="s">
        <v>703</v>
      </c>
      <c r="E764" s="4" t="s">
        <v>849</v>
      </c>
    </row>
    <row r="765" spans="1:5" ht="23.1" customHeight="1" x14ac:dyDescent="0.2">
      <c r="A765" s="27">
        <v>763</v>
      </c>
      <c r="B765" s="6" t="s">
        <v>1859</v>
      </c>
      <c r="C765" s="5" t="s">
        <v>1857</v>
      </c>
      <c r="D765" s="5" t="s">
        <v>1858</v>
      </c>
      <c r="E765" s="4" t="s">
        <v>3</v>
      </c>
    </row>
    <row r="766" spans="1:5" ht="23.1" customHeight="1" x14ac:dyDescent="0.2">
      <c r="A766" s="27">
        <v>764</v>
      </c>
      <c r="B766" s="6" t="s">
        <v>1870</v>
      </c>
      <c r="C766" s="5" t="s">
        <v>1869</v>
      </c>
      <c r="D766" s="5" t="s">
        <v>1868</v>
      </c>
      <c r="E766" s="4" t="s">
        <v>3</v>
      </c>
    </row>
    <row r="767" spans="1:5" ht="23.1" customHeight="1" x14ac:dyDescent="0.2">
      <c r="A767" s="27">
        <v>765</v>
      </c>
      <c r="B767" s="6" t="s">
        <v>1421</v>
      </c>
      <c r="C767" s="9" t="s">
        <v>428</v>
      </c>
      <c r="D767" s="9" t="s">
        <v>704</v>
      </c>
      <c r="E767" s="4" t="s">
        <v>849</v>
      </c>
    </row>
    <row r="768" spans="1:5" ht="23.1" customHeight="1" x14ac:dyDescent="0.2">
      <c r="A768" s="27">
        <v>766</v>
      </c>
      <c r="B768" s="6" t="s">
        <v>1422</v>
      </c>
      <c r="C768" s="5" t="s">
        <v>429</v>
      </c>
      <c r="D768" s="5" t="s">
        <v>705</v>
      </c>
      <c r="E768" s="4" t="s">
        <v>849</v>
      </c>
    </row>
    <row r="769" spans="1:5" ht="23.1" customHeight="1" x14ac:dyDescent="0.2">
      <c r="A769" s="27">
        <v>767</v>
      </c>
      <c r="B769" s="6" t="s">
        <v>1423</v>
      </c>
      <c r="C769" s="5" t="s">
        <v>430</v>
      </c>
      <c r="D769" s="5" t="s">
        <v>706</v>
      </c>
      <c r="E769" s="4" t="s">
        <v>849</v>
      </c>
    </row>
    <row r="770" spans="1:5" ht="23.1" customHeight="1" x14ac:dyDescent="0.2">
      <c r="A770" s="27">
        <v>768</v>
      </c>
      <c r="B770" s="6" t="s">
        <v>1424</v>
      </c>
      <c r="C770" s="5" t="s">
        <v>431</v>
      </c>
      <c r="D770" s="5" t="s">
        <v>707</v>
      </c>
      <c r="E770" s="4" t="s">
        <v>849</v>
      </c>
    </row>
    <row r="771" spans="1:5" ht="23.1" customHeight="1" x14ac:dyDescent="0.2">
      <c r="A771" s="27">
        <v>769</v>
      </c>
      <c r="B771" s="26" t="s">
        <v>2938</v>
      </c>
      <c r="C771" s="1" t="s">
        <v>2937</v>
      </c>
      <c r="D771" s="1" t="s">
        <v>2936</v>
      </c>
      <c r="E771" s="2" t="s">
        <v>3</v>
      </c>
    </row>
    <row r="772" spans="1:5" ht="23.1" customHeight="1" x14ac:dyDescent="0.2">
      <c r="A772" s="27">
        <v>770</v>
      </c>
      <c r="B772" s="6" t="s">
        <v>1425</v>
      </c>
      <c r="C772" s="5" t="s">
        <v>432</v>
      </c>
      <c r="D772" s="5" t="s">
        <v>708</v>
      </c>
      <c r="E772" s="4" t="s">
        <v>849</v>
      </c>
    </row>
    <row r="773" spans="1:5" ht="23.1" customHeight="1" x14ac:dyDescent="0.2">
      <c r="A773" s="27">
        <v>771</v>
      </c>
      <c r="B773" s="4" t="s">
        <v>1616</v>
      </c>
      <c r="C773" s="5" t="s">
        <v>1623</v>
      </c>
      <c r="D773" s="5" t="s">
        <v>1629</v>
      </c>
      <c r="E773" s="4" t="s">
        <v>1630</v>
      </c>
    </row>
    <row r="774" spans="1:5" ht="23.1" customHeight="1" x14ac:dyDescent="0.2">
      <c r="A774" s="27">
        <v>772</v>
      </c>
      <c r="B774" s="4" t="s">
        <v>1617</v>
      </c>
      <c r="C774" s="5" t="s">
        <v>1624</v>
      </c>
      <c r="D774" s="5" t="s">
        <v>1629</v>
      </c>
      <c r="E774" s="4" t="s">
        <v>1630</v>
      </c>
    </row>
    <row r="775" spans="1:5" ht="23.1" customHeight="1" x14ac:dyDescent="0.2">
      <c r="A775" s="27">
        <v>773</v>
      </c>
      <c r="B775" s="6" t="s">
        <v>1426</v>
      </c>
      <c r="C775" s="5" t="s">
        <v>433</v>
      </c>
      <c r="D775" s="5" t="s">
        <v>709</v>
      </c>
      <c r="E775" s="4" t="s">
        <v>3</v>
      </c>
    </row>
    <row r="776" spans="1:5" ht="23.1" customHeight="1" x14ac:dyDescent="0.2">
      <c r="A776" s="27">
        <v>774</v>
      </c>
      <c r="B776" s="6" t="s">
        <v>1553</v>
      </c>
      <c r="C776" s="5" t="s">
        <v>1467</v>
      </c>
      <c r="D776" s="5" t="s">
        <v>1554</v>
      </c>
      <c r="E776" s="4" t="s">
        <v>3</v>
      </c>
    </row>
    <row r="777" spans="1:5" ht="22.5" customHeight="1" x14ac:dyDescent="0.2">
      <c r="A777" s="27">
        <v>775</v>
      </c>
      <c r="B777" s="6" t="s">
        <v>1427</v>
      </c>
      <c r="C777" s="5" t="s">
        <v>434</v>
      </c>
      <c r="D777" s="5" t="s">
        <v>710</v>
      </c>
      <c r="E777" s="4" t="s">
        <v>849</v>
      </c>
    </row>
    <row r="778" spans="1:5" ht="23.1" customHeight="1" x14ac:dyDescent="0.2">
      <c r="A778" s="27">
        <v>776</v>
      </c>
      <c r="B778" s="6" t="s">
        <v>1428</v>
      </c>
      <c r="C778" s="5" t="s">
        <v>435</v>
      </c>
      <c r="D778" s="5" t="s">
        <v>711</v>
      </c>
      <c r="E778" s="4" t="s">
        <v>3</v>
      </c>
    </row>
    <row r="779" spans="1:5" ht="23.1" customHeight="1" x14ac:dyDescent="0.2">
      <c r="A779" s="27">
        <v>777</v>
      </c>
      <c r="B779" s="6" t="s">
        <v>1429</v>
      </c>
      <c r="C779" s="5" t="s">
        <v>436</v>
      </c>
      <c r="D779" s="5" t="s">
        <v>712</v>
      </c>
      <c r="E779" s="4" t="s">
        <v>849</v>
      </c>
    </row>
    <row r="780" spans="1:5" ht="23.1" customHeight="1" x14ac:dyDescent="0.2">
      <c r="A780" s="27">
        <v>778</v>
      </c>
      <c r="B780" s="6" t="s">
        <v>1430</v>
      </c>
      <c r="C780" s="5" t="s">
        <v>437</v>
      </c>
      <c r="D780" s="5" t="s">
        <v>713</v>
      </c>
      <c r="E780" s="4" t="s">
        <v>849</v>
      </c>
    </row>
    <row r="781" spans="1:5" ht="23.1" customHeight="1" x14ac:dyDescent="0.2">
      <c r="A781" s="27">
        <v>779</v>
      </c>
      <c r="B781" s="4" t="s">
        <v>1633</v>
      </c>
      <c r="C781" s="4" t="s">
        <v>1640</v>
      </c>
      <c r="D781" s="4" t="s">
        <v>1647</v>
      </c>
      <c r="E781" s="4" t="s">
        <v>1630</v>
      </c>
    </row>
    <row r="782" spans="1:5" ht="23.1" customHeight="1" x14ac:dyDescent="0.2">
      <c r="A782" s="27">
        <v>780</v>
      </c>
      <c r="B782" s="6" t="s">
        <v>1431</v>
      </c>
      <c r="C782" s="5" t="s">
        <v>438</v>
      </c>
      <c r="D782" s="5" t="s">
        <v>714</v>
      </c>
      <c r="E782" s="4" t="s">
        <v>849</v>
      </c>
    </row>
    <row r="783" spans="1:5" ht="23.1" customHeight="1" x14ac:dyDescent="0.2">
      <c r="A783" s="27">
        <v>781</v>
      </c>
      <c r="B783" s="6" t="s">
        <v>1434</v>
      </c>
      <c r="C783" s="5" t="s">
        <v>441</v>
      </c>
      <c r="D783" s="5" t="s">
        <v>715</v>
      </c>
      <c r="E783" s="4" t="s">
        <v>849</v>
      </c>
    </row>
    <row r="784" spans="1:5" ht="23.1" customHeight="1" x14ac:dyDescent="0.2">
      <c r="A784" s="27">
        <v>782</v>
      </c>
      <c r="B784" s="6" t="s">
        <v>1432</v>
      </c>
      <c r="C784" s="5" t="s">
        <v>440</v>
      </c>
      <c r="D784" s="5" t="s">
        <v>715</v>
      </c>
      <c r="E784" s="4" t="s">
        <v>849</v>
      </c>
    </row>
    <row r="785" spans="1:5" ht="23.1" customHeight="1" x14ac:dyDescent="0.2">
      <c r="A785" s="27">
        <v>783</v>
      </c>
      <c r="B785" s="6" t="s">
        <v>1433</v>
      </c>
      <c r="C785" s="5" t="s">
        <v>439</v>
      </c>
      <c r="D785" s="5" t="s">
        <v>715</v>
      </c>
      <c r="E785" s="4" t="s">
        <v>849</v>
      </c>
    </row>
    <row r="786" spans="1:5" ht="23.1" customHeight="1" x14ac:dyDescent="0.2">
      <c r="A786" s="27">
        <v>784</v>
      </c>
      <c r="B786" s="6" t="s">
        <v>1435</v>
      </c>
      <c r="C786" s="5" t="s">
        <v>442</v>
      </c>
      <c r="D786" s="5" t="s">
        <v>716</v>
      </c>
      <c r="E786" s="4" t="s">
        <v>849</v>
      </c>
    </row>
    <row r="787" spans="1:5" s="24" customFormat="1" ht="23.1" customHeight="1" x14ac:dyDescent="0.2">
      <c r="A787" s="27">
        <v>785</v>
      </c>
      <c r="B787" s="6" t="s">
        <v>1436</v>
      </c>
      <c r="C787" s="5" t="s">
        <v>443</v>
      </c>
      <c r="D787" s="5" t="s">
        <v>717</v>
      </c>
      <c r="E787" s="4" t="s">
        <v>849</v>
      </c>
    </row>
    <row r="788" spans="1:5" ht="23.1" customHeight="1" x14ac:dyDescent="0.2">
      <c r="A788" s="27">
        <v>786</v>
      </c>
      <c r="B788" s="6" t="s">
        <v>1437</v>
      </c>
      <c r="C788" s="5" t="s">
        <v>444</v>
      </c>
      <c r="D788" s="5" t="s">
        <v>718</v>
      </c>
      <c r="E788" s="4" t="s">
        <v>849</v>
      </c>
    </row>
    <row r="789" spans="1:5" ht="23.1" customHeight="1" x14ac:dyDescent="0.2">
      <c r="A789" s="27">
        <v>787</v>
      </c>
      <c r="B789" s="6" t="s">
        <v>1438</v>
      </c>
      <c r="C789" s="5" t="s">
        <v>1439</v>
      </c>
      <c r="D789" s="5" t="s">
        <v>719</v>
      </c>
      <c r="E789" s="4" t="s">
        <v>849</v>
      </c>
    </row>
    <row r="790" spans="1:5" ht="23.1" customHeight="1" x14ac:dyDescent="0.2">
      <c r="A790" s="27">
        <v>788</v>
      </c>
      <c r="B790" s="6" t="s">
        <v>1555</v>
      </c>
      <c r="C790" s="5" t="s">
        <v>1556</v>
      </c>
      <c r="D790" s="5" t="s">
        <v>1557</v>
      </c>
      <c r="E790" s="4" t="s">
        <v>3</v>
      </c>
    </row>
    <row r="791" spans="1:5" ht="23.1" customHeight="1" x14ac:dyDescent="0.2">
      <c r="A791" s="27">
        <v>789</v>
      </c>
      <c r="B791" s="6" t="s">
        <v>2797</v>
      </c>
      <c r="C791" s="5" t="s">
        <v>2795</v>
      </c>
      <c r="D791" s="5" t="s">
        <v>2796</v>
      </c>
      <c r="E791" s="4" t="s">
        <v>849</v>
      </c>
    </row>
    <row r="792" spans="1:5" ht="23.1" customHeight="1" x14ac:dyDescent="0.2">
      <c r="A792" s="27">
        <v>790</v>
      </c>
      <c r="B792" s="6" t="s">
        <v>1558</v>
      </c>
      <c r="C792" s="5" t="s">
        <v>1479</v>
      </c>
      <c r="D792" s="5" t="s">
        <v>1559</v>
      </c>
      <c r="E792" s="4" t="s">
        <v>3</v>
      </c>
    </row>
    <row r="793" spans="1:5" ht="23.1" customHeight="1" x14ac:dyDescent="0.2">
      <c r="A793" s="27">
        <v>791</v>
      </c>
      <c r="B793" s="6" t="s">
        <v>2258</v>
      </c>
      <c r="C793" s="5" t="s">
        <v>445</v>
      </c>
      <c r="D793" s="5" t="s">
        <v>720</v>
      </c>
      <c r="E793" s="4" t="s">
        <v>849</v>
      </c>
    </row>
    <row r="794" spans="1:5" ht="23.1" customHeight="1" x14ac:dyDescent="0.2">
      <c r="A794" s="27">
        <v>792</v>
      </c>
      <c r="B794" s="6" t="s">
        <v>2259</v>
      </c>
      <c r="C794" s="5" t="s">
        <v>2256</v>
      </c>
      <c r="D794" s="5" t="s">
        <v>2257</v>
      </c>
      <c r="E794" s="4" t="s">
        <v>3</v>
      </c>
    </row>
    <row r="795" spans="1:5" ht="23.1" customHeight="1" x14ac:dyDescent="0.2">
      <c r="A795" s="27">
        <v>793</v>
      </c>
      <c r="B795" s="6" t="s">
        <v>2483</v>
      </c>
      <c r="C795" s="5" t="s">
        <v>2481</v>
      </c>
      <c r="D795" s="5" t="s">
        <v>2482</v>
      </c>
      <c r="E795" s="4" t="s">
        <v>3</v>
      </c>
    </row>
    <row r="796" spans="1:5" ht="23.1" customHeight="1" x14ac:dyDescent="0.2">
      <c r="A796" s="27">
        <v>794</v>
      </c>
      <c r="B796" s="6" t="s">
        <v>1440</v>
      </c>
      <c r="C796" s="5" t="s">
        <v>446</v>
      </c>
      <c r="D796" s="5" t="s">
        <v>721</v>
      </c>
      <c r="E796" s="4" t="s">
        <v>849</v>
      </c>
    </row>
    <row r="797" spans="1:5" ht="23.1" customHeight="1" x14ac:dyDescent="0.2">
      <c r="A797" s="27">
        <v>795</v>
      </c>
      <c r="B797" s="6" t="s">
        <v>2706</v>
      </c>
      <c r="C797" s="5" t="s">
        <v>447</v>
      </c>
      <c r="D797" s="5" t="s">
        <v>722</v>
      </c>
      <c r="E797" s="4" t="s">
        <v>849</v>
      </c>
    </row>
    <row r="798" spans="1:5" ht="23.1" customHeight="1" x14ac:dyDescent="0.2">
      <c r="A798" s="27">
        <v>796</v>
      </c>
      <c r="B798" s="6" t="s">
        <v>2707</v>
      </c>
      <c r="C798" s="5" t="s">
        <v>2704</v>
      </c>
      <c r="D798" s="5" t="s">
        <v>2705</v>
      </c>
      <c r="E798" s="4" t="s">
        <v>3</v>
      </c>
    </row>
    <row r="799" spans="1:5" ht="23.1" customHeight="1" x14ac:dyDescent="0.2">
      <c r="A799" s="27">
        <v>797</v>
      </c>
      <c r="B799" s="6" t="s">
        <v>1441</v>
      </c>
      <c r="C799" s="5" t="s">
        <v>448</v>
      </c>
      <c r="D799" s="5" t="s">
        <v>723</v>
      </c>
      <c r="E799" s="4" t="s">
        <v>849</v>
      </c>
    </row>
    <row r="800" spans="1:5" ht="23.1" customHeight="1" x14ac:dyDescent="0.2">
      <c r="A800" s="27">
        <v>798</v>
      </c>
      <c r="B800" s="6" t="s">
        <v>1069</v>
      </c>
      <c r="C800" s="5" t="s">
        <v>1070</v>
      </c>
      <c r="D800" s="5" t="s">
        <v>1071</v>
      </c>
      <c r="E800" s="4" t="s">
        <v>3</v>
      </c>
    </row>
    <row r="801" spans="1:5" ht="23.1" customHeight="1" x14ac:dyDescent="0.2">
      <c r="A801" s="27">
        <v>799</v>
      </c>
      <c r="B801" s="6" t="s">
        <v>1072</v>
      </c>
      <c r="C801" s="5" t="s">
        <v>1073</v>
      </c>
      <c r="D801" s="5" t="s">
        <v>1074</v>
      </c>
      <c r="E801" s="4" t="s">
        <v>849</v>
      </c>
    </row>
    <row r="802" spans="1:5" ht="23.1" customHeight="1" x14ac:dyDescent="0.2">
      <c r="A802" s="27">
        <v>800</v>
      </c>
      <c r="B802" s="6" t="s">
        <v>1075</v>
      </c>
      <c r="C802" s="5" t="s">
        <v>174</v>
      </c>
      <c r="D802" s="5" t="s">
        <v>464</v>
      </c>
      <c r="E802" s="4" t="s">
        <v>849</v>
      </c>
    </row>
    <row r="803" spans="1:5" ht="23.1" customHeight="1" x14ac:dyDescent="0.2">
      <c r="A803" s="27">
        <v>801</v>
      </c>
      <c r="B803" s="6" t="s">
        <v>2152</v>
      </c>
      <c r="C803" s="5" t="s">
        <v>2150</v>
      </c>
      <c r="D803" s="5" t="s">
        <v>2151</v>
      </c>
      <c r="E803" s="4" t="s">
        <v>3</v>
      </c>
    </row>
    <row r="804" spans="1:5" ht="23.1" customHeight="1" x14ac:dyDescent="0.2">
      <c r="A804" s="27">
        <v>802</v>
      </c>
      <c r="B804" s="6" t="s">
        <v>1076</v>
      </c>
      <c r="C804" s="5" t="s">
        <v>175</v>
      </c>
      <c r="D804" s="5" t="s">
        <v>465</v>
      </c>
      <c r="E804" s="4" t="s">
        <v>3</v>
      </c>
    </row>
    <row r="805" spans="1:5" ht="23.1" customHeight="1" x14ac:dyDescent="0.2">
      <c r="A805" s="27">
        <v>803</v>
      </c>
      <c r="B805" s="6" t="s">
        <v>2213</v>
      </c>
      <c r="C805" s="5" t="s">
        <v>176</v>
      </c>
      <c r="D805" s="5" t="s">
        <v>466</v>
      </c>
      <c r="E805" s="4" t="s">
        <v>849</v>
      </c>
    </row>
    <row r="806" spans="1:5" s="24" customFormat="1" ht="23.1" customHeight="1" x14ac:dyDescent="0.2">
      <c r="A806" s="27">
        <v>804</v>
      </c>
      <c r="B806" s="6" t="s">
        <v>2214</v>
      </c>
      <c r="C806" s="5" t="s">
        <v>2212</v>
      </c>
      <c r="D806" s="5" t="s">
        <v>2211</v>
      </c>
      <c r="E806" s="4" t="s">
        <v>3</v>
      </c>
    </row>
    <row r="807" spans="1:5" ht="23.1" customHeight="1" x14ac:dyDescent="0.2">
      <c r="A807" s="27">
        <v>805</v>
      </c>
      <c r="B807" s="6" t="s">
        <v>2605</v>
      </c>
      <c r="C807" s="5" t="s">
        <v>68</v>
      </c>
      <c r="D807" s="5" t="s">
        <v>739</v>
      </c>
      <c r="E807" s="4" t="s">
        <v>3</v>
      </c>
    </row>
    <row r="808" spans="1:5" s="24" customFormat="1" ht="23.1" customHeight="1" x14ac:dyDescent="0.2">
      <c r="A808" s="27">
        <v>806</v>
      </c>
      <c r="B808" s="6" t="s">
        <v>2606</v>
      </c>
      <c r="C808" s="5" t="s">
        <v>2607</v>
      </c>
      <c r="D808" s="5" t="s">
        <v>2608</v>
      </c>
      <c r="E808" s="4" t="s">
        <v>3</v>
      </c>
    </row>
    <row r="809" spans="1:5" ht="23.1" customHeight="1" x14ac:dyDescent="0.2">
      <c r="A809" s="27">
        <v>807</v>
      </c>
      <c r="B809" s="6" t="s">
        <v>908</v>
      </c>
      <c r="C809" s="5" t="s">
        <v>909</v>
      </c>
      <c r="D809" s="5" t="s">
        <v>910</v>
      </c>
      <c r="E809" s="4" t="s">
        <v>3</v>
      </c>
    </row>
    <row r="810" spans="1:5" ht="23.1" customHeight="1" x14ac:dyDescent="0.2">
      <c r="A810" s="27">
        <v>808</v>
      </c>
      <c r="B810" s="4" t="s">
        <v>1631</v>
      </c>
      <c r="C810" s="4" t="s">
        <v>1638</v>
      </c>
      <c r="D810" s="4" t="s">
        <v>1645</v>
      </c>
      <c r="E810" s="4" t="s">
        <v>1644</v>
      </c>
    </row>
    <row r="811" spans="1:5" ht="23.1" customHeight="1" x14ac:dyDescent="0.2">
      <c r="A811" s="27">
        <v>809</v>
      </c>
      <c r="B811" s="6" t="s">
        <v>2217</v>
      </c>
      <c r="C811" s="5" t="s">
        <v>2216</v>
      </c>
      <c r="D811" s="5" t="s">
        <v>2215</v>
      </c>
      <c r="E811" s="4" t="s">
        <v>3</v>
      </c>
    </row>
    <row r="812" spans="1:5" ht="23.1" customHeight="1" x14ac:dyDescent="0.2">
      <c r="A812" s="27">
        <v>810</v>
      </c>
      <c r="B812" s="6" t="s">
        <v>911</v>
      </c>
      <c r="C812" s="5" t="s">
        <v>69</v>
      </c>
      <c r="D812" s="5" t="s">
        <v>740</v>
      </c>
      <c r="E812" s="4" t="s">
        <v>849</v>
      </c>
    </row>
    <row r="813" spans="1:5" ht="23.1" customHeight="1" x14ac:dyDescent="0.2">
      <c r="A813" s="27">
        <v>811</v>
      </c>
      <c r="B813" s="6" t="s">
        <v>912</v>
      </c>
      <c r="C813" s="5" t="s">
        <v>70</v>
      </c>
      <c r="D813" s="5" t="s">
        <v>741</v>
      </c>
      <c r="E813" s="4" t="s">
        <v>3</v>
      </c>
    </row>
    <row r="814" spans="1:5" ht="23.1" customHeight="1" x14ac:dyDescent="0.2">
      <c r="A814" s="27">
        <v>812</v>
      </c>
      <c r="B814" s="6" t="s">
        <v>2043</v>
      </c>
      <c r="C814" s="5" t="s">
        <v>2041</v>
      </c>
      <c r="D814" s="5" t="s">
        <v>2042</v>
      </c>
      <c r="E814" s="4" t="s">
        <v>3</v>
      </c>
    </row>
    <row r="815" spans="1:5" ht="23.1" customHeight="1" x14ac:dyDescent="0.2">
      <c r="A815" s="27">
        <v>813</v>
      </c>
      <c r="B815" s="6" t="s">
        <v>913</v>
      </c>
      <c r="C815" s="5" t="s">
        <v>71</v>
      </c>
      <c r="D815" s="5" t="s">
        <v>742</v>
      </c>
      <c r="E815" s="4" t="s">
        <v>849</v>
      </c>
    </row>
    <row r="816" spans="1:5" ht="23.1" customHeight="1" x14ac:dyDescent="0.2">
      <c r="A816" s="27">
        <v>814</v>
      </c>
      <c r="B816" s="6" t="s">
        <v>914</v>
      </c>
      <c r="C816" s="5" t="s">
        <v>72</v>
      </c>
      <c r="D816" s="5" t="s">
        <v>743</v>
      </c>
      <c r="E816" s="4" t="s">
        <v>849</v>
      </c>
    </row>
    <row r="817" spans="1:5" ht="23.1" customHeight="1" x14ac:dyDescent="0.2">
      <c r="A817" s="27">
        <v>815</v>
      </c>
      <c r="B817" s="6" t="s">
        <v>915</v>
      </c>
      <c r="C817" s="5" t="s">
        <v>73</v>
      </c>
      <c r="D817" s="5" t="s">
        <v>744</v>
      </c>
      <c r="E817" s="4" t="s">
        <v>849</v>
      </c>
    </row>
    <row r="818" spans="1:5" ht="23.1" customHeight="1" x14ac:dyDescent="0.2">
      <c r="A818" s="27">
        <v>816</v>
      </c>
      <c r="B818" s="6" t="s">
        <v>916</v>
      </c>
      <c r="C818" s="5" t="s">
        <v>74</v>
      </c>
      <c r="D818" s="5" t="s">
        <v>745</v>
      </c>
      <c r="E818" s="4" t="s">
        <v>3</v>
      </c>
    </row>
    <row r="819" spans="1:5" ht="23.1" customHeight="1" x14ac:dyDescent="0.2">
      <c r="A819" s="27">
        <v>817</v>
      </c>
      <c r="B819" s="6" t="s">
        <v>2783</v>
      </c>
      <c r="C819" s="5" t="s">
        <v>2781</v>
      </c>
      <c r="D819" s="5" t="s">
        <v>2782</v>
      </c>
      <c r="E819" s="4" t="s">
        <v>3</v>
      </c>
    </row>
    <row r="820" spans="1:5" ht="23.1" customHeight="1" x14ac:dyDescent="0.2">
      <c r="A820" s="27">
        <v>818</v>
      </c>
      <c r="B820" s="6" t="s">
        <v>2899</v>
      </c>
      <c r="C820" s="5" t="s">
        <v>2898</v>
      </c>
      <c r="D820" s="5" t="s">
        <v>2897</v>
      </c>
      <c r="E820" s="4" t="s">
        <v>3</v>
      </c>
    </row>
    <row r="821" spans="1:5" ht="23.1" customHeight="1" x14ac:dyDescent="0.2">
      <c r="A821" s="27">
        <v>819</v>
      </c>
      <c r="B821" s="6" t="s">
        <v>2740</v>
      </c>
      <c r="C821" s="5" t="s">
        <v>2735</v>
      </c>
      <c r="D821" s="5" t="s">
        <v>2736</v>
      </c>
      <c r="E821" s="4" t="s">
        <v>3</v>
      </c>
    </row>
    <row r="822" spans="1:5" ht="23.1" customHeight="1" x14ac:dyDescent="0.2">
      <c r="A822" s="27">
        <v>820</v>
      </c>
      <c r="B822" s="6" t="s">
        <v>917</v>
      </c>
      <c r="C822" s="5" t="s">
        <v>75</v>
      </c>
      <c r="D822" s="5" t="s">
        <v>746</v>
      </c>
      <c r="E822" s="4" t="s">
        <v>3</v>
      </c>
    </row>
    <row r="823" spans="1:5" ht="23.1" customHeight="1" x14ac:dyDescent="0.2">
      <c r="A823" s="27">
        <v>821</v>
      </c>
      <c r="B823" s="6" t="s">
        <v>2337</v>
      </c>
      <c r="C823" s="5" t="s">
        <v>2336</v>
      </c>
      <c r="D823" s="5" t="s">
        <v>2335</v>
      </c>
      <c r="E823" s="4" t="s">
        <v>3</v>
      </c>
    </row>
    <row r="824" spans="1:5" ht="23.1" customHeight="1" x14ac:dyDescent="0.2">
      <c r="A824" s="27">
        <v>822</v>
      </c>
      <c r="B824" s="6" t="s">
        <v>1571</v>
      </c>
      <c r="C824" s="5" t="s">
        <v>1572</v>
      </c>
      <c r="D824" s="5" t="s">
        <v>1573</v>
      </c>
      <c r="E824" s="4" t="s">
        <v>3</v>
      </c>
    </row>
    <row r="825" spans="1:5" ht="23.1" customHeight="1" x14ac:dyDescent="0.2">
      <c r="A825" s="27">
        <v>823</v>
      </c>
      <c r="B825" s="6" t="s">
        <v>918</v>
      </c>
      <c r="C825" s="5" t="s">
        <v>76</v>
      </c>
      <c r="D825" s="5" t="s">
        <v>747</v>
      </c>
      <c r="E825" s="4" t="s">
        <v>3</v>
      </c>
    </row>
    <row r="826" spans="1:5" ht="23.1" customHeight="1" x14ac:dyDescent="0.2">
      <c r="A826" s="27">
        <v>824</v>
      </c>
      <c r="B826" s="6" t="s">
        <v>922</v>
      </c>
      <c r="C826" s="5" t="s">
        <v>840</v>
      </c>
      <c r="D826" s="5" t="s">
        <v>923</v>
      </c>
      <c r="E826" s="4" t="s">
        <v>849</v>
      </c>
    </row>
    <row r="827" spans="1:5" ht="23.1" customHeight="1" x14ac:dyDescent="0.2">
      <c r="A827" s="27">
        <v>825</v>
      </c>
      <c r="B827" s="6" t="s">
        <v>919</v>
      </c>
      <c r="C827" s="5" t="s">
        <v>920</v>
      </c>
      <c r="D827" s="5" t="s">
        <v>921</v>
      </c>
      <c r="E827" s="4" t="s">
        <v>3</v>
      </c>
    </row>
    <row r="828" spans="1:5" ht="23.1" customHeight="1" x14ac:dyDescent="0.2">
      <c r="A828" s="27">
        <v>826</v>
      </c>
      <c r="B828" s="6" t="s">
        <v>924</v>
      </c>
      <c r="C828" s="5" t="s">
        <v>925</v>
      </c>
      <c r="D828" s="5" t="s">
        <v>926</v>
      </c>
      <c r="E828" s="4" t="s">
        <v>849</v>
      </c>
    </row>
    <row r="829" spans="1:5" ht="23.1" customHeight="1" x14ac:dyDescent="0.2">
      <c r="A829" s="27">
        <v>827</v>
      </c>
      <c r="B829" s="6" t="s">
        <v>927</v>
      </c>
      <c r="C829" s="5" t="s">
        <v>928</v>
      </c>
      <c r="D829" s="5" t="s">
        <v>929</v>
      </c>
      <c r="E829" s="4" t="s">
        <v>3</v>
      </c>
    </row>
    <row r="830" spans="1:5" ht="23.1" customHeight="1" x14ac:dyDescent="0.2">
      <c r="A830" s="27">
        <v>828</v>
      </c>
      <c r="B830" s="6" t="s">
        <v>1566</v>
      </c>
      <c r="C830" s="5" t="s">
        <v>1567</v>
      </c>
      <c r="D830" s="5" t="s">
        <v>1568</v>
      </c>
      <c r="E830" s="4" t="s">
        <v>3</v>
      </c>
    </row>
    <row r="831" spans="1:5" ht="23.1" customHeight="1" x14ac:dyDescent="0.2">
      <c r="A831" s="27">
        <v>829</v>
      </c>
      <c r="B831" s="6" t="s">
        <v>2207</v>
      </c>
      <c r="C831" s="5" t="s">
        <v>2206</v>
      </c>
      <c r="D831" s="5" t="s">
        <v>2205</v>
      </c>
      <c r="E831" s="4" t="s">
        <v>3</v>
      </c>
    </row>
    <row r="832" spans="1:5" ht="23.1" customHeight="1" x14ac:dyDescent="0.2">
      <c r="A832" s="27">
        <v>830</v>
      </c>
      <c r="B832" s="6" t="s">
        <v>2210</v>
      </c>
      <c r="C832" s="5" t="s">
        <v>2208</v>
      </c>
      <c r="D832" s="5" t="s">
        <v>2209</v>
      </c>
      <c r="E832" s="4" t="s">
        <v>3</v>
      </c>
    </row>
    <row r="833" spans="1:5" ht="23.1" customHeight="1" x14ac:dyDescent="0.2">
      <c r="A833" s="27">
        <v>831</v>
      </c>
      <c r="B833" s="6" t="s">
        <v>930</v>
      </c>
      <c r="C833" s="5" t="s">
        <v>77</v>
      </c>
      <c r="D833" s="5" t="s">
        <v>755</v>
      </c>
      <c r="E833" s="4" t="s">
        <v>849</v>
      </c>
    </row>
    <row r="834" spans="1:5" ht="23.1" customHeight="1" x14ac:dyDescent="0.2">
      <c r="A834" s="27">
        <v>832</v>
      </c>
      <c r="B834" s="6" t="s">
        <v>931</v>
      </c>
      <c r="C834" s="5" t="s">
        <v>78</v>
      </c>
      <c r="D834" s="5" t="s">
        <v>756</v>
      </c>
      <c r="E834" s="4" t="s">
        <v>3</v>
      </c>
    </row>
    <row r="835" spans="1:5" ht="23.1" customHeight="1" x14ac:dyDescent="0.2">
      <c r="A835" s="27">
        <v>833</v>
      </c>
      <c r="B835" s="6" t="s">
        <v>1815</v>
      </c>
      <c r="C835" s="5" t="s">
        <v>1814</v>
      </c>
      <c r="D835" s="5" t="s">
        <v>2359</v>
      </c>
      <c r="E835" s="4" t="s">
        <v>849</v>
      </c>
    </row>
    <row r="836" spans="1:5" ht="23.1" customHeight="1" x14ac:dyDescent="0.2">
      <c r="A836" s="27">
        <v>834</v>
      </c>
      <c r="B836" s="6" t="s">
        <v>2361</v>
      </c>
      <c r="C836" s="5" t="s">
        <v>2360</v>
      </c>
      <c r="D836" s="5" t="s">
        <v>2359</v>
      </c>
      <c r="E836" s="4" t="s">
        <v>849</v>
      </c>
    </row>
    <row r="837" spans="1:5" ht="23.1" customHeight="1" x14ac:dyDescent="0.2">
      <c r="A837" s="27">
        <v>835</v>
      </c>
      <c r="B837" s="6" t="s">
        <v>932</v>
      </c>
      <c r="C837" s="5" t="s">
        <v>79</v>
      </c>
      <c r="D837" s="5" t="s">
        <v>757</v>
      </c>
      <c r="E837" s="4" t="s">
        <v>3</v>
      </c>
    </row>
    <row r="838" spans="1:5" ht="23.1" customHeight="1" x14ac:dyDescent="0.2">
      <c r="A838" s="27">
        <v>836</v>
      </c>
      <c r="B838" s="6" t="s">
        <v>933</v>
      </c>
      <c r="C838" s="5" t="s">
        <v>934</v>
      </c>
      <c r="D838" s="5" t="s">
        <v>935</v>
      </c>
      <c r="E838" s="4" t="s">
        <v>3</v>
      </c>
    </row>
    <row r="839" spans="1:5" ht="23.1" customHeight="1" x14ac:dyDescent="0.2">
      <c r="A839" s="27">
        <v>837</v>
      </c>
      <c r="B839" s="6" t="s">
        <v>936</v>
      </c>
      <c r="C839" s="5" t="s">
        <v>80</v>
      </c>
      <c r="D839" s="5" t="s">
        <v>758</v>
      </c>
      <c r="E839" s="4" t="s">
        <v>849</v>
      </c>
    </row>
    <row r="840" spans="1:5" ht="23.1" customHeight="1" x14ac:dyDescent="0.2">
      <c r="A840" s="27">
        <v>838</v>
      </c>
      <c r="B840" s="6" t="s">
        <v>1846</v>
      </c>
      <c r="C840" s="5" t="s">
        <v>1844</v>
      </c>
      <c r="D840" s="5" t="s">
        <v>1845</v>
      </c>
      <c r="E840" s="4" t="s">
        <v>849</v>
      </c>
    </row>
    <row r="841" spans="1:5" ht="23.1" customHeight="1" x14ac:dyDescent="0.2">
      <c r="A841" s="27">
        <v>839</v>
      </c>
      <c r="B841" s="6" t="s">
        <v>937</v>
      </c>
      <c r="C841" s="5" t="s">
        <v>81</v>
      </c>
      <c r="D841" s="5" t="s">
        <v>938</v>
      </c>
      <c r="E841" s="4" t="s">
        <v>849</v>
      </c>
    </row>
    <row r="842" spans="1:5" ht="23.1" customHeight="1" x14ac:dyDescent="0.2">
      <c r="A842" s="27">
        <v>840</v>
      </c>
      <c r="B842" s="6" t="s">
        <v>939</v>
      </c>
      <c r="C842" s="5" t="s">
        <v>82</v>
      </c>
      <c r="D842" s="5" t="s">
        <v>940</v>
      </c>
      <c r="E842" s="4" t="s">
        <v>849</v>
      </c>
    </row>
    <row r="843" spans="1:5" ht="23.1" customHeight="1" x14ac:dyDescent="0.2">
      <c r="A843" s="27">
        <v>841</v>
      </c>
      <c r="B843" s="6" t="s">
        <v>941</v>
      </c>
      <c r="C843" s="5" t="s">
        <v>942</v>
      </c>
      <c r="D843" s="5" t="s">
        <v>943</v>
      </c>
      <c r="E843" s="4" t="s">
        <v>3</v>
      </c>
    </row>
    <row r="844" spans="1:5" ht="23.1" customHeight="1" x14ac:dyDescent="0.2">
      <c r="A844" s="27">
        <v>842</v>
      </c>
      <c r="B844" s="6" t="s">
        <v>2073</v>
      </c>
      <c r="C844" s="5" t="s">
        <v>2071</v>
      </c>
      <c r="D844" s="5" t="s">
        <v>2072</v>
      </c>
      <c r="E844" s="4" t="s">
        <v>849</v>
      </c>
    </row>
    <row r="845" spans="1:5" ht="23.1" customHeight="1" x14ac:dyDescent="0.2">
      <c r="A845" s="27">
        <v>843</v>
      </c>
      <c r="B845" s="6" t="s">
        <v>944</v>
      </c>
      <c r="C845" s="5" t="s">
        <v>83</v>
      </c>
      <c r="D845" s="5" t="s">
        <v>945</v>
      </c>
      <c r="E845" s="4" t="s">
        <v>849</v>
      </c>
    </row>
    <row r="846" spans="1:5" ht="23.1" customHeight="1" x14ac:dyDescent="0.2">
      <c r="A846" s="27">
        <v>844</v>
      </c>
      <c r="B846" s="6" t="s">
        <v>946</v>
      </c>
      <c r="C846" s="5" t="s">
        <v>84</v>
      </c>
      <c r="D846" s="5" t="s">
        <v>947</v>
      </c>
      <c r="E846" s="4" t="s">
        <v>3</v>
      </c>
    </row>
    <row r="847" spans="1:5" ht="23.1" customHeight="1" x14ac:dyDescent="0.2">
      <c r="A847" s="27">
        <v>845</v>
      </c>
      <c r="B847" s="6" t="s">
        <v>2349</v>
      </c>
      <c r="C847" s="5" t="s">
        <v>2348</v>
      </c>
      <c r="D847" s="5" t="s">
        <v>2347</v>
      </c>
      <c r="E847" s="4" t="s">
        <v>849</v>
      </c>
    </row>
    <row r="848" spans="1:5" ht="23.1" customHeight="1" x14ac:dyDescent="0.2">
      <c r="A848" s="27">
        <v>846</v>
      </c>
      <c r="B848" s="6" t="s">
        <v>2539</v>
      </c>
      <c r="C848" s="5" t="s">
        <v>2538</v>
      </c>
      <c r="D848" s="5" t="s">
        <v>2676</v>
      </c>
      <c r="E848" s="4" t="s">
        <v>3</v>
      </c>
    </row>
    <row r="849" spans="1:5" s="24" customFormat="1" ht="23.1" customHeight="1" x14ac:dyDescent="0.2">
      <c r="A849" s="27">
        <v>847</v>
      </c>
      <c r="B849" s="6" t="s">
        <v>2200</v>
      </c>
      <c r="C849" s="5" t="s">
        <v>2199</v>
      </c>
      <c r="D849" s="5" t="s">
        <v>2198</v>
      </c>
      <c r="E849" s="4" t="s">
        <v>849</v>
      </c>
    </row>
    <row r="850" spans="1:5" ht="23.1" customHeight="1" x14ac:dyDescent="0.2">
      <c r="A850" s="27">
        <v>848</v>
      </c>
      <c r="B850" s="6" t="s">
        <v>948</v>
      </c>
      <c r="C850" s="5" t="s">
        <v>85</v>
      </c>
      <c r="D850" s="5" t="s">
        <v>949</v>
      </c>
      <c r="E850" s="4" t="s">
        <v>3</v>
      </c>
    </row>
    <row r="851" spans="1:5" ht="23.1" customHeight="1" x14ac:dyDescent="0.2">
      <c r="A851" s="27">
        <v>849</v>
      </c>
      <c r="B851" s="6" t="s">
        <v>950</v>
      </c>
      <c r="C851" s="5" t="s">
        <v>86</v>
      </c>
      <c r="D851" s="5" t="s">
        <v>951</v>
      </c>
      <c r="E851" s="4" t="s">
        <v>849</v>
      </c>
    </row>
    <row r="852" spans="1:5" ht="23.1" customHeight="1" x14ac:dyDescent="0.2">
      <c r="A852" s="27">
        <v>850</v>
      </c>
      <c r="B852" s="26" t="s">
        <v>2944</v>
      </c>
      <c r="C852" s="1" t="s">
        <v>2943</v>
      </c>
      <c r="D852" s="1" t="s">
        <v>2942</v>
      </c>
      <c r="E852" s="2" t="s">
        <v>3</v>
      </c>
    </row>
    <row r="853" spans="1:5" ht="23.1" customHeight="1" x14ac:dyDescent="0.2">
      <c r="A853" s="27">
        <v>851</v>
      </c>
      <c r="B853" s="6" t="s">
        <v>2146</v>
      </c>
      <c r="C853" s="5" t="s">
        <v>2144</v>
      </c>
      <c r="D853" s="5" t="s">
        <v>2145</v>
      </c>
      <c r="E853" s="4" t="s">
        <v>3</v>
      </c>
    </row>
    <row r="854" spans="1:5" ht="23.1" customHeight="1" x14ac:dyDescent="0.2">
      <c r="A854" s="27">
        <v>852</v>
      </c>
      <c r="B854" s="6" t="s">
        <v>2746</v>
      </c>
      <c r="C854" s="5" t="s">
        <v>2744</v>
      </c>
      <c r="D854" s="5" t="s">
        <v>2745</v>
      </c>
      <c r="E854" s="4" t="s">
        <v>849</v>
      </c>
    </row>
    <row r="855" spans="1:5" ht="23.1" customHeight="1" x14ac:dyDescent="0.2">
      <c r="A855" s="27">
        <v>853</v>
      </c>
      <c r="B855" s="6" t="s">
        <v>952</v>
      </c>
      <c r="C855" s="5" t="s">
        <v>87</v>
      </c>
      <c r="D855" s="5" t="s">
        <v>748</v>
      </c>
      <c r="E855" s="4" t="s">
        <v>849</v>
      </c>
    </row>
    <row r="856" spans="1:5" ht="23.1" customHeight="1" x14ac:dyDescent="0.2">
      <c r="A856" s="27">
        <v>854</v>
      </c>
      <c r="B856" s="6" t="s">
        <v>2129</v>
      </c>
      <c r="C856" s="5" t="s">
        <v>2127</v>
      </c>
      <c r="D856" s="5" t="s">
        <v>2128</v>
      </c>
      <c r="E856" s="4" t="s">
        <v>3</v>
      </c>
    </row>
    <row r="857" spans="1:5" ht="23.1" customHeight="1" x14ac:dyDescent="0.2">
      <c r="A857" s="27">
        <v>855</v>
      </c>
      <c r="B857" s="6" t="s">
        <v>1768</v>
      </c>
      <c r="C857" s="5" t="s">
        <v>1766</v>
      </c>
      <c r="D857" s="5" t="s">
        <v>1767</v>
      </c>
      <c r="E857" s="4" t="s">
        <v>3</v>
      </c>
    </row>
    <row r="858" spans="1:5" ht="23.1" customHeight="1" x14ac:dyDescent="0.2">
      <c r="A858" s="27">
        <v>856</v>
      </c>
      <c r="B858" s="6" t="s">
        <v>2246</v>
      </c>
      <c r="C858" s="5" t="s">
        <v>2245</v>
      </c>
      <c r="D858" s="5" t="s">
        <v>2244</v>
      </c>
      <c r="E858" s="4" t="s">
        <v>3</v>
      </c>
    </row>
    <row r="859" spans="1:5" ht="23.1" customHeight="1" x14ac:dyDescent="0.2">
      <c r="A859" s="27">
        <v>857</v>
      </c>
      <c r="B859" s="6" t="s">
        <v>2609</v>
      </c>
      <c r="C859" s="5" t="s">
        <v>2610</v>
      </c>
      <c r="D859" s="5" t="s">
        <v>2611</v>
      </c>
      <c r="E859" s="4" t="s">
        <v>3</v>
      </c>
    </row>
    <row r="860" spans="1:5" ht="23.1" customHeight="1" x14ac:dyDescent="0.2">
      <c r="A860" s="27">
        <v>858</v>
      </c>
      <c r="B860" s="6" t="s">
        <v>2572</v>
      </c>
      <c r="C860" s="5" t="s">
        <v>2570</v>
      </c>
      <c r="D860" s="5" t="s">
        <v>2568</v>
      </c>
      <c r="E860" s="4" t="s">
        <v>3</v>
      </c>
    </row>
    <row r="861" spans="1:5" ht="23.1" customHeight="1" x14ac:dyDescent="0.2">
      <c r="A861" s="27">
        <v>859</v>
      </c>
      <c r="B861" s="6" t="s">
        <v>2573</v>
      </c>
      <c r="C861" s="5" t="s">
        <v>2571</v>
      </c>
      <c r="D861" s="5" t="s">
        <v>2569</v>
      </c>
      <c r="E861" s="4" t="s">
        <v>3</v>
      </c>
    </row>
    <row r="862" spans="1:5" ht="23.1" customHeight="1" x14ac:dyDescent="0.2">
      <c r="A862" s="27">
        <v>860</v>
      </c>
      <c r="B862" s="6" t="s">
        <v>953</v>
      </c>
      <c r="C862" s="5" t="s">
        <v>88</v>
      </c>
      <c r="D862" s="5" t="s">
        <v>749</v>
      </c>
      <c r="E862" s="4" t="s">
        <v>3</v>
      </c>
    </row>
    <row r="863" spans="1:5" ht="23.1" customHeight="1" x14ac:dyDescent="0.2">
      <c r="A863" s="27">
        <v>861</v>
      </c>
      <c r="B863" s="6" t="s">
        <v>954</v>
      </c>
      <c r="C863" s="5" t="s">
        <v>89</v>
      </c>
      <c r="D863" s="5" t="s">
        <v>750</v>
      </c>
      <c r="E863" s="4" t="s">
        <v>849</v>
      </c>
    </row>
    <row r="864" spans="1:5" ht="23.1" customHeight="1" x14ac:dyDescent="0.2">
      <c r="A864" s="27">
        <v>862</v>
      </c>
      <c r="B864" s="6" t="s">
        <v>2176</v>
      </c>
      <c r="C864" s="5" t="s">
        <v>90</v>
      </c>
      <c r="D864" s="5" t="s">
        <v>2174</v>
      </c>
      <c r="E864" s="4" t="s">
        <v>849</v>
      </c>
    </row>
    <row r="865" spans="1:5" ht="23.1" customHeight="1" x14ac:dyDescent="0.2">
      <c r="A865" s="27">
        <v>863</v>
      </c>
      <c r="B865" s="6" t="s">
        <v>2177</v>
      </c>
      <c r="C865" s="5" t="s">
        <v>2930</v>
      </c>
      <c r="D865" s="5" t="s">
        <v>2175</v>
      </c>
      <c r="E865" s="4" t="s">
        <v>3</v>
      </c>
    </row>
    <row r="866" spans="1:5" ht="23.1" customHeight="1" x14ac:dyDescent="0.2">
      <c r="A866" s="27">
        <v>864</v>
      </c>
      <c r="B866" s="6" t="s">
        <v>2387</v>
      </c>
      <c r="C866" s="5" t="s">
        <v>2385</v>
      </c>
      <c r="D866" s="5" t="s">
        <v>2386</v>
      </c>
      <c r="E866" s="4" t="s">
        <v>3</v>
      </c>
    </row>
    <row r="867" spans="1:5" ht="23.1" customHeight="1" x14ac:dyDescent="0.2">
      <c r="A867" s="27">
        <v>865</v>
      </c>
      <c r="B867" s="6" t="s">
        <v>955</v>
      </c>
      <c r="C867" s="5" t="s">
        <v>91</v>
      </c>
      <c r="D867" s="5" t="s">
        <v>751</v>
      </c>
      <c r="E867" s="4" t="s">
        <v>849</v>
      </c>
    </row>
    <row r="868" spans="1:5" ht="23.1" customHeight="1" x14ac:dyDescent="0.2">
      <c r="A868" s="27">
        <v>866</v>
      </c>
      <c r="B868" s="26" t="s">
        <v>2993</v>
      </c>
      <c r="C868" s="1" t="s">
        <v>2992</v>
      </c>
      <c r="D868" s="1" t="s">
        <v>2991</v>
      </c>
      <c r="E868" s="2" t="s">
        <v>3</v>
      </c>
    </row>
    <row r="869" spans="1:5" ht="23.1" customHeight="1" x14ac:dyDescent="0.2">
      <c r="A869" s="27">
        <v>867</v>
      </c>
      <c r="B869" s="6" t="s">
        <v>956</v>
      </c>
      <c r="C869" s="5" t="s">
        <v>92</v>
      </c>
      <c r="D869" s="5" t="s">
        <v>752</v>
      </c>
      <c r="E869" s="4" t="s">
        <v>849</v>
      </c>
    </row>
    <row r="870" spans="1:5" ht="23.1" customHeight="1" x14ac:dyDescent="0.2">
      <c r="A870" s="27">
        <v>868</v>
      </c>
      <c r="B870" s="6" t="s">
        <v>2678</v>
      </c>
      <c r="C870" s="5" t="s">
        <v>957</v>
      </c>
      <c r="D870" s="5" t="s">
        <v>958</v>
      </c>
      <c r="E870" s="4" t="s">
        <v>3</v>
      </c>
    </row>
    <row r="871" spans="1:5" ht="23.1" customHeight="1" x14ac:dyDescent="0.2">
      <c r="A871" s="27">
        <v>869</v>
      </c>
      <c r="B871" s="6" t="s">
        <v>2679</v>
      </c>
      <c r="C871" s="5" t="s">
        <v>2675</v>
      </c>
      <c r="D871" s="5" t="s">
        <v>2677</v>
      </c>
      <c r="E871" s="4" t="s">
        <v>3</v>
      </c>
    </row>
    <row r="872" spans="1:5" ht="23.1" customHeight="1" x14ac:dyDescent="0.2">
      <c r="A872" s="27">
        <v>870</v>
      </c>
      <c r="B872" s="6" t="s">
        <v>959</v>
      </c>
      <c r="C872" s="5" t="s">
        <v>93</v>
      </c>
      <c r="D872" s="5" t="s">
        <v>753</v>
      </c>
      <c r="E872" s="4" t="s">
        <v>849</v>
      </c>
    </row>
    <row r="873" spans="1:5" ht="23.1" customHeight="1" x14ac:dyDescent="0.2">
      <c r="A873" s="27">
        <v>871</v>
      </c>
      <c r="B873" s="6" t="s">
        <v>1840</v>
      </c>
      <c r="C873" s="5" t="s">
        <v>1838</v>
      </c>
      <c r="D873" s="5" t="s">
        <v>1839</v>
      </c>
      <c r="E873" s="4" t="s">
        <v>3</v>
      </c>
    </row>
    <row r="874" spans="1:5" ht="23.1" customHeight="1" x14ac:dyDescent="0.2">
      <c r="A874" s="27">
        <v>872</v>
      </c>
      <c r="B874" s="6" t="s">
        <v>1946</v>
      </c>
      <c r="C874" s="5" t="s">
        <v>1944</v>
      </c>
      <c r="D874" s="5" t="s">
        <v>1945</v>
      </c>
      <c r="E874" s="4" t="s">
        <v>3</v>
      </c>
    </row>
    <row r="875" spans="1:5" ht="23.1" customHeight="1" x14ac:dyDescent="0.2">
      <c r="A875" s="27">
        <v>873</v>
      </c>
      <c r="B875" s="6" t="s">
        <v>960</v>
      </c>
      <c r="C875" s="9" t="s">
        <v>94</v>
      </c>
      <c r="D875" s="9" t="s">
        <v>754</v>
      </c>
      <c r="E875" s="9" t="s">
        <v>3</v>
      </c>
    </row>
    <row r="876" spans="1:5" ht="23.1" customHeight="1" x14ac:dyDescent="0.2">
      <c r="A876" s="27">
        <v>874</v>
      </c>
      <c r="B876" s="6" t="s">
        <v>1507</v>
      </c>
      <c r="C876" s="5" t="s">
        <v>1465</v>
      </c>
      <c r="D876" s="5" t="s">
        <v>1508</v>
      </c>
      <c r="E876" s="4" t="s">
        <v>3</v>
      </c>
    </row>
    <row r="877" spans="1:5" ht="23.1" customHeight="1" x14ac:dyDescent="0.2">
      <c r="A877" s="27">
        <v>875</v>
      </c>
      <c r="B877" s="6" t="s">
        <v>1771</v>
      </c>
      <c r="C877" s="5" t="s">
        <v>1769</v>
      </c>
      <c r="D877" s="5" t="s">
        <v>1770</v>
      </c>
      <c r="E877" s="4" t="s">
        <v>3</v>
      </c>
    </row>
    <row r="878" spans="1:5" ht="23.1" customHeight="1" x14ac:dyDescent="0.2">
      <c r="A878" s="27">
        <v>876</v>
      </c>
      <c r="B878" s="6" t="s">
        <v>1047</v>
      </c>
      <c r="C878" s="5" t="s">
        <v>2777</v>
      </c>
      <c r="D878" s="5" t="s">
        <v>1048</v>
      </c>
      <c r="E878" s="4" t="s">
        <v>849</v>
      </c>
    </row>
    <row r="879" spans="1:5" ht="23.1" customHeight="1" x14ac:dyDescent="0.2">
      <c r="A879" s="27">
        <v>877</v>
      </c>
      <c r="B879" s="6" t="s">
        <v>2024</v>
      </c>
      <c r="C879" s="5" t="s">
        <v>2026</v>
      </c>
      <c r="D879" s="5" t="s">
        <v>2027</v>
      </c>
      <c r="E879" s="4" t="s">
        <v>3</v>
      </c>
    </row>
    <row r="880" spans="1:5" ht="23.1" customHeight="1" x14ac:dyDescent="0.2">
      <c r="A880" s="27">
        <v>878</v>
      </c>
      <c r="B880" s="6" t="s">
        <v>1049</v>
      </c>
      <c r="C880" s="5" t="s">
        <v>156</v>
      </c>
      <c r="D880" s="5" t="s">
        <v>802</v>
      </c>
      <c r="E880" s="4" t="s">
        <v>849</v>
      </c>
    </row>
    <row r="881" spans="1:5" ht="23.1" customHeight="1" x14ac:dyDescent="0.2">
      <c r="A881" s="27">
        <v>879</v>
      </c>
      <c r="B881" s="6" t="s">
        <v>1908</v>
      </c>
      <c r="C881" s="5" t="s">
        <v>1906</v>
      </c>
      <c r="D881" s="5" t="s">
        <v>1907</v>
      </c>
      <c r="E881" s="4" t="s">
        <v>3</v>
      </c>
    </row>
    <row r="882" spans="1:5" ht="23.1" customHeight="1" x14ac:dyDescent="0.2">
      <c r="A882" s="27">
        <v>880</v>
      </c>
      <c r="B882" s="6" t="s">
        <v>1050</v>
      </c>
      <c r="C882" s="5" t="s">
        <v>157</v>
      </c>
      <c r="D882" s="5" t="s">
        <v>803</v>
      </c>
      <c r="E882" s="4" t="s">
        <v>849</v>
      </c>
    </row>
    <row r="883" spans="1:5" ht="23.1" customHeight="1" x14ac:dyDescent="0.2">
      <c r="A883" s="27">
        <v>881</v>
      </c>
      <c r="B883" s="6" t="s">
        <v>1051</v>
      </c>
      <c r="C883" s="5" t="s">
        <v>158</v>
      </c>
      <c r="D883" s="5" t="s">
        <v>804</v>
      </c>
      <c r="E883" s="4" t="s">
        <v>3</v>
      </c>
    </row>
    <row r="884" spans="1:5" ht="23.1" customHeight="1" x14ac:dyDescent="0.2">
      <c r="A884" s="27">
        <v>882</v>
      </c>
      <c r="B884" s="6" t="s">
        <v>1052</v>
      </c>
      <c r="C884" s="5" t="s">
        <v>159</v>
      </c>
      <c r="D884" s="5" t="s">
        <v>805</v>
      </c>
      <c r="E884" s="4" t="s">
        <v>849</v>
      </c>
    </row>
    <row r="885" spans="1:5" ht="23.1" customHeight="1" x14ac:dyDescent="0.2">
      <c r="A885" s="27">
        <v>883</v>
      </c>
      <c r="B885" s="6" t="s">
        <v>2358</v>
      </c>
      <c r="C885" s="5" t="s">
        <v>2357</v>
      </c>
      <c r="D885" s="5" t="s">
        <v>2356</v>
      </c>
      <c r="E885" s="4" t="s">
        <v>849</v>
      </c>
    </row>
    <row r="886" spans="1:5" ht="23.1" customHeight="1" x14ac:dyDescent="0.2">
      <c r="A886" s="27">
        <v>884</v>
      </c>
      <c r="B886" s="6" t="s">
        <v>1053</v>
      </c>
      <c r="C886" s="5" t="s">
        <v>160</v>
      </c>
      <c r="D886" s="5" t="s">
        <v>806</v>
      </c>
      <c r="E886" s="4" t="s">
        <v>3</v>
      </c>
    </row>
    <row r="887" spans="1:5" ht="23.1" customHeight="1" x14ac:dyDescent="0.2">
      <c r="A887" s="27">
        <v>885</v>
      </c>
      <c r="B887" s="6" t="s">
        <v>1066</v>
      </c>
      <c r="C887" s="5" t="s">
        <v>171</v>
      </c>
      <c r="D887" s="5" t="s">
        <v>818</v>
      </c>
      <c r="E887" s="4" t="s">
        <v>3</v>
      </c>
    </row>
    <row r="888" spans="1:5" ht="23.1" customHeight="1" x14ac:dyDescent="0.2">
      <c r="A888" s="27">
        <v>886</v>
      </c>
      <c r="B888" s="6" t="s">
        <v>1067</v>
      </c>
      <c r="C888" s="5" t="s">
        <v>172</v>
      </c>
      <c r="D888" s="5" t="s">
        <v>819</v>
      </c>
      <c r="E888" s="4" t="s">
        <v>849</v>
      </c>
    </row>
    <row r="889" spans="1:5" ht="23.1" customHeight="1" x14ac:dyDescent="0.2">
      <c r="A889" s="27">
        <v>887</v>
      </c>
      <c r="B889" s="6" t="s">
        <v>2654</v>
      </c>
      <c r="C889" s="5" t="s">
        <v>173</v>
      </c>
      <c r="D889" s="5" t="s">
        <v>1068</v>
      </c>
      <c r="E889" s="4" t="s">
        <v>3</v>
      </c>
    </row>
    <row r="890" spans="1:5" ht="23.1" customHeight="1" x14ac:dyDescent="0.2">
      <c r="A890" s="27">
        <v>888</v>
      </c>
      <c r="B890" s="6" t="s">
        <v>2655</v>
      </c>
      <c r="C890" s="5" t="s">
        <v>2652</v>
      </c>
      <c r="D890" s="5" t="s">
        <v>2653</v>
      </c>
      <c r="E890" s="4" t="s">
        <v>3</v>
      </c>
    </row>
    <row r="891" spans="1:5" ht="23.1" customHeight="1" x14ac:dyDescent="0.2">
      <c r="A891" s="27">
        <v>889</v>
      </c>
      <c r="B891" s="6" t="s">
        <v>1046</v>
      </c>
      <c r="C891" s="5" t="s">
        <v>155</v>
      </c>
      <c r="D891" s="5" t="s">
        <v>807</v>
      </c>
      <c r="E891" s="4" t="s">
        <v>849</v>
      </c>
    </row>
    <row r="892" spans="1:5" ht="23.1" customHeight="1" x14ac:dyDescent="0.2">
      <c r="A892" s="27">
        <v>890</v>
      </c>
      <c r="B892" s="6" t="s">
        <v>2693</v>
      </c>
      <c r="C892" s="5" t="s">
        <v>2634</v>
      </c>
      <c r="D892" s="5" t="s">
        <v>2692</v>
      </c>
      <c r="E892" s="4" t="s">
        <v>3</v>
      </c>
    </row>
    <row r="893" spans="1:5" ht="23.1" customHeight="1" x14ac:dyDescent="0.2">
      <c r="A893" s="27">
        <v>891</v>
      </c>
      <c r="B893" s="6" t="s">
        <v>2354</v>
      </c>
      <c r="C893" s="5" t="s">
        <v>2355</v>
      </c>
      <c r="D893" s="5" t="s">
        <v>2353</v>
      </c>
      <c r="E893" s="4" t="s">
        <v>849</v>
      </c>
    </row>
    <row r="894" spans="1:5" ht="23.1" customHeight="1" x14ac:dyDescent="0.2">
      <c r="A894" s="27">
        <v>892</v>
      </c>
      <c r="B894" s="6" t="s">
        <v>1054</v>
      </c>
      <c r="C894" s="5" t="s">
        <v>834</v>
      </c>
      <c r="D894" s="5" t="s">
        <v>1055</v>
      </c>
      <c r="E894" s="4" t="s">
        <v>3</v>
      </c>
    </row>
    <row r="895" spans="1:5" ht="23.1" customHeight="1" x14ac:dyDescent="0.2">
      <c r="A895" s="27">
        <v>893</v>
      </c>
      <c r="B895" s="6" t="s">
        <v>1509</v>
      </c>
      <c r="C895" s="5" t="s">
        <v>1510</v>
      </c>
      <c r="D895" s="5" t="s">
        <v>1511</v>
      </c>
      <c r="E895" s="4" t="s">
        <v>849</v>
      </c>
    </row>
    <row r="896" spans="1:5" ht="23.1" customHeight="1" x14ac:dyDescent="0.2">
      <c r="A896" s="27">
        <v>894</v>
      </c>
      <c r="B896" s="6" t="s">
        <v>2755</v>
      </c>
      <c r="C896" s="5" t="s">
        <v>2753</v>
      </c>
      <c r="D896" s="5" t="s">
        <v>2754</v>
      </c>
      <c r="E896" s="4" t="s">
        <v>849</v>
      </c>
    </row>
    <row r="897" spans="1:5" ht="23.1" customHeight="1" x14ac:dyDescent="0.2">
      <c r="A897" s="27">
        <v>895</v>
      </c>
      <c r="B897" s="6" t="s">
        <v>1056</v>
      </c>
      <c r="C897" s="5" t="s">
        <v>161</v>
      </c>
      <c r="D897" s="5" t="s">
        <v>808</v>
      </c>
      <c r="E897" s="4" t="s">
        <v>849</v>
      </c>
    </row>
    <row r="898" spans="1:5" ht="23.1" customHeight="1" x14ac:dyDescent="0.2">
      <c r="A898" s="27">
        <v>896</v>
      </c>
      <c r="B898" s="6" t="s">
        <v>2440</v>
      </c>
      <c r="C898" s="5" t="s">
        <v>2438</v>
      </c>
      <c r="D898" s="5" t="s">
        <v>2439</v>
      </c>
      <c r="E898" s="4" t="s">
        <v>849</v>
      </c>
    </row>
    <row r="899" spans="1:5" ht="23.1" customHeight="1" x14ac:dyDescent="0.2">
      <c r="A899" s="27">
        <v>897</v>
      </c>
      <c r="B899" s="6" t="s">
        <v>1057</v>
      </c>
      <c r="C899" s="5" t="s">
        <v>162</v>
      </c>
      <c r="D899" s="5" t="s">
        <v>809</v>
      </c>
      <c r="E899" s="4" t="s">
        <v>849</v>
      </c>
    </row>
    <row r="900" spans="1:5" ht="23.1" customHeight="1" x14ac:dyDescent="0.2">
      <c r="A900" s="27">
        <v>898</v>
      </c>
      <c r="B900" s="6" t="s">
        <v>1058</v>
      </c>
      <c r="C900" s="5" t="s">
        <v>163</v>
      </c>
      <c r="D900" s="5" t="s">
        <v>810</v>
      </c>
      <c r="E900" s="4" t="s">
        <v>849</v>
      </c>
    </row>
    <row r="901" spans="1:5" ht="23.1" customHeight="1" x14ac:dyDescent="0.2">
      <c r="A901" s="27">
        <v>899</v>
      </c>
      <c r="B901" s="6" t="s">
        <v>1059</v>
      </c>
      <c r="C901" s="5" t="s">
        <v>164</v>
      </c>
      <c r="D901" s="5" t="s">
        <v>811</v>
      </c>
      <c r="E901" s="4" t="s">
        <v>849</v>
      </c>
    </row>
    <row r="902" spans="1:5" ht="23.1" customHeight="1" x14ac:dyDescent="0.2">
      <c r="A902" s="27">
        <v>900</v>
      </c>
      <c r="B902" s="26" t="s">
        <v>3002</v>
      </c>
      <c r="C902" s="1" t="s">
        <v>3001</v>
      </c>
      <c r="D902" s="1" t="s">
        <v>3000</v>
      </c>
      <c r="E902" s="2" t="s">
        <v>3</v>
      </c>
    </row>
    <row r="903" spans="1:5" ht="23.1" customHeight="1" x14ac:dyDescent="0.2">
      <c r="A903" s="27">
        <v>901</v>
      </c>
      <c r="B903" s="6" t="s">
        <v>1060</v>
      </c>
      <c r="C903" s="5" t="s">
        <v>165</v>
      </c>
      <c r="D903" s="5" t="s">
        <v>814</v>
      </c>
      <c r="E903" s="4" t="s">
        <v>3</v>
      </c>
    </row>
    <row r="904" spans="1:5" ht="23.1" customHeight="1" x14ac:dyDescent="0.2">
      <c r="A904" s="27">
        <v>902</v>
      </c>
      <c r="B904" s="6" t="s">
        <v>1061</v>
      </c>
      <c r="C904" s="5" t="s">
        <v>166</v>
      </c>
      <c r="D904" s="5" t="s">
        <v>812</v>
      </c>
      <c r="E904" s="4" t="s">
        <v>849</v>
      </c>
    </row>
    <row r="905" spans="1:5" ht="23.1" customHeight="1" x14ac:dyDescent="0.2">
      <c r="A905" s="27">
        <v>903</v>
      </c>
      <c r="B905" s="6" t="s">
        <v>1062</v>
      </c>
      <c r="C905" s="5" t="s">
        <v>167</v>
      </c>
      <c r="D905" s="5" t="s">
        <v>813</v>
      </c>
      <c r="E905" s="4" t="s">
        <v>849</v>
      </c>
    </row>
    <row r="906" spans="1:5" ht="23.1" customHeight="1" x14ac:dyDescent="0.2">
      <c r="A906" s="27">
        <v>904</v>
      </c>
      <c r="B906" s="6" t="s">
        <v>1943</v>
      </c>
      <c r="C906" s="5" t="s">
        <v>1941</v>
      </c>
      <c r="D906" s="5" t="s">
        <v>1942</v>
      </c>
      <c r="E906" s="4" t="s">
        <v>3</v>
      </c>
    </row>
    <row r="907" spans="1:5" ht="23.1" customHeight="1" x14ac:dyDescent="0.2">
      <c r="A907" s="27">
        <v>905</v>
      </c>
      <c r="B907" s="6" t="s">
        <v>2819</v>
      </c>
      <c r="C907" s="5" t="s">
        <v>2817</v>
      </c>
      <c r="D907" s="5" t="s">
        <v>2818</v>
      </c>
      <c r="E907" s="4" t="s">
        <v>3</v>
      </c>
    </row>
    <row r="908" spans="1:5" ht="23.1" customHeight="1" x14ac:dyDescent="0.2">
      <c r="A908" s="27">
        <v>906</v>
      </c>
      <c r="B908" s="6" t="s">
        <v>1512</v>
      </c>
      <c r="C908" s="5" t="s">
        <v>1462</v>
      </c>
      <c r="D908" s="5" t="s">
        <v>1513</v>
      </c>
      <c r="E908" s="4" t="s">
        <v>3</v>
      </c>
    </row>
    <row r="909" spans="1:5" ht="23.1" customHeight="1" x14ac:dyDescent="0.2">
      <c r="A909" s="27">
        <v>907</v>
      </c>
      <c r="B909" s="6" t="s">
        <v>1063</v>
      </c>
      <c r="C909" s="5" t="s">
        <v>168</v>
      </c>
      <c r="D909" s="5" t="s">
        <v>815</v>
      </c>
      <c r="E909" s="4" t="s">
        <v>849</v>
      </c>
    </row>
    <row r="910" spans="1:5" ht="23.1" customHeight="1" x14ac:dyDescent="0.2">
      <c r="A910" s="27">
        <v>908</v>
      </c>
      <c r="B910" s="6" t="s">
        <v>2396</v>
      </c>
      <c r="C910" s="5" t="s">
        <v>844</v>
      </c>
      <c r="D910" s="5" t="s">
        <v>2393</v>
      </c>
      <c r="E910" s="4" t="s">
        <v>849</v>
      </c>
    </row>
    <row r="911" spans="1:5" ht="23.1" customHeight="1" x14ac:dyDescent="0.2">
      <c r="A911" s="27">
        <v>909</v>
      </c>
      <c r="B911" s="6" t="s">
        <v>2397</v>
      </c>
      <c r="C911" s="5" t="s">
        <v>2395</v>
      </c>
      <c r="D911" s="5" t="s">
        <v>2394</v>
      </c>
      <c r="E911" s="4" t="s">
        <v>3</v>
      </c>
    </row>
    <row r="912" spans="1:5" ht="23.1" customHeight="1" x14ac:dyDescent="0.2">
      <c r="A912" s="27">
        <v>910</v>
      </c>
      <c r="B912" s="6" t="s">
        <v>1064</v>
      </c>
      <c r="C912" s="5" t="s">
        <v>169</v>
      </c>
      <c r="D912" s="5" t="s">
        <v>816</v>
      </c>
      <c r="E912" s="4" t="s">
        <v>3</v>
      </c>
    </row>
    <row r="913" spans="1:5" ht="23.1" customHeight="1" x14ac:dyDescent="0.2">
      <c r="A913" s="27">
        <v>911</v>
      </c>
      <c r="B913" s="6" t="s">
        <v>1065</v>
      </c>
      <c r="C913" s="5" t="s">
        <v>170</v>
      </c>
      <c r="D913" s="5" t="s">
        <v>817</v>
      </c>
      <c r="E913" s="4" t="s">
        <v>849</v>
      </c>
    </row>
    <row r="914" spans="1:5" ht="23.1" customHeight="1" x14ac:dyDescent="0.2">
      <c r="A914" s="27">
        <v>912</v>
      </c>
      <c r="B914" s="6" t="s">
        <v>982</v>
      </c>
      <c r="C914" s="5" t="s">
        <v>107</v>
      </c>
      <c r="D914" s="5" t="s">
        <v>759</v>
      </c>
      <c r="E914" s="4" t="s">
        <v>849</v>
      </c>
    </row>
    <row r="915" spans="1:5" ht="23.1" customHeight="1" x14ac:dyDescent="0.2">
      <c r="A915" s="27">
        <v>913</v>
      </c>
      <c r="B915" s="6" t="s">
        <v>983</v>
      </c>
      <c r="C915" s="5" t="s">
        <v>108</v>
      </c>
      <c r="D915" s="5" t="s">
        <v>760</v>
      </c>
      <c r="E915" s="4" t="s">
        <v>849</v>
      </c>
    </row>
    <row r="916" spans="1:5" s="24" customFormat="1" ht="23.1" customHeight="1" x14ac:dyDescent="0.2">
      <c r="A916" s="27">
        <v>914</v>
      </c>
      <c r="B916" s="6" t="s">
        <v>984</v>
      </c>
      <c r="C916" s="5" t="s">
        <v>109</v>
      </c>
      <c r="D916" s="5" t="s">
        <v>761</v>
      </c>
      <c r="E916" s="4" t="s">
        <v>3</v>
      </c>
    </row>
    <row r="917" spans="1:5" ht="23.1" customHeight="1" x14ac:dyDescent="0.2">
      <c r="A917" s="27">
        <v>915</v>
      </c>
      <c r="B917" s="6" t="s">
        <v>985</v>
      </c>
      <c r="C917" s="5" t="s">
        <v>110</v>
      </c>
      <c r="D917" s="5" t="s">
        <v>762</v>
      </c>
      <c r="E917" s="4" t="s">
        <v>849</v>
      </c>
    </row>
    <row r="918" spans="1:5" ht="23.1" customHeight="1" x14ac:dyDescent="0.2">
      <c r="A918" s="27">
        <v>916</v>
      </c>
      <c r="B918" s="6" t="s">
        <v>986</v>
      </c>
      <c r="C918" s="5" t="s">
        <v>111</v>
      </c>
      <c r="D918" s="5" t="s">
        <v>763</v>
      </c>
      <c r="E918" s="4" t="s">
        <v>849</v>
      </c>
    </row>
    <row r="919" spans="1:5" ht="23.1" customHeight="1" x14ac:dyDescent="0.2">
      <c r="A919" s="27">
        <v>917</v>
      </c>
      <c r="B919" s="6" t="s">
        <v>1654</v>
      </c>
      <c r="C919" s="6" t="s">
        <v>1659</v>
      </c>
      <c r="D919" s="6" t="s">
        <v>1662</v>
      </c>
      <c r="E919" s="4" t="s">
        <v>1644</v>
      </c>
    </row>
    <row r="920" spans="1:5" s="24" customFormat="1" ht="23.1" customHeight="1" x14ac:dyDescent="0.2">
      <c r="A920" s="27">
        <v>918</v>
      </c>
      <c r="B920" s="6" t="s">
        <v>2522</v>
      </c>
      <c r="C920" s="6" t="s">
        <v>2521</v>
      </c>
      <c r="D920" s="4" t="s">
        <v>2520</v>
      </c>
      <c r="E920" s="4" t="s">
        <v>3</v>
      </c>
    </row>
    <row r="921" spans="1:5" ht="23.1" customHeight="1" x14ac:dyDescent="0.2">
      <c r="A921" s="27">
        <v>919</v>
      </c>
      <c r="B921" s="6" t="s">
        <v>987</v>
      </c>
      <c r="C921" s="5" t="s">
        <v>112</v>
      </c>
      <c r="D921" s="5" t="s">
        <v>764</v>
      </c>
      <c r="E921" s="4" t="s">
        <v>849</v>
      </c>
    </row>
    <row r="922" spans="1:5" ht="23.1" customHeight="1" x14ac:dyDescent="0.2">
      <c r="A922" s="27">
        <v>920</v>
      </c>
      <c r="B922" s="6" t="s">
        <v>988</v>
      </c>
      <c r="C922" s="5" t="s">
        <v>113</v>
      </c>
      <c r="D922" s="5" t="s">
        <v>765</v>
      </c>
      <c r="E922" s="4" t="s">
        <v>849</v>
      </c>
    </row>
    <row r="923" spans="1:5" ht="23.1" customHeight="1" x14ac:dyDescent="0.2">
      <c r="A923" s="27">
        <v>921</v>
      </c>
      <c r="B923" s="6" t="s">
        <v>2383</v>
      </c>
      <c r="C923" s="5" t="s">
        <v>114</v>
      </c>
      <c r="D923" s="5" t="s">
        <v>2090</v>
      </c>
      <c r="E923" s="4" t="s">
        <v>849</v>
      </c>
    </row>
    <row r="924" spans="1:5" ht="23.1" customHeight="1" x14ac:dyDescent="0.2">
      <c r="A924" s="27">
        <v>922</v>
      </c>
      <c r="B924" s="6" t="s">
        <v>2384</v>
      </c>
      <c r="C924" s="5" t="s">
        <v>2381</v>
      </c>
      <c r="D924" s="5" t="s">
        <v>2382</v>
      </c>
      <c r="E924" s="4" t="s">
        <v>3</v>
      </c>
    </row>
    <row r="925" spans="1:5" ht="23.1" customHeight="1" x14ac:dyDescent="0.2">
      <c r="A925" s="27">
        <v>923</v>
      </c>
      <c r="B925" s="6" t="s">
        <v>2093</v>
      </c>
      <c r="C925" s="5" t="s">
        <v>2092</v>
      </c>
      <c r="D925" s="5" t="s">
        <v>2091</v>
      </c>
      <c r="E925" s="4" t="s">
        <v>3</v>
      </c>
    </row>
    <row r="926" spans="1:5" ht="23.1" customHeight="1" x14ac:dyDescent="0.2">
      <c r="A926" s="27">
        <v>924</v>
      </c>
      <c r="B926" s="6" t="s">
        <v>989</v>
      </c>
      <c r="C926" s="5" t="s">
        <v>116</v>
      </c>
      <c r="D926" s="5" t="s">
        <v>766</v>
      </c>
      <c r="E926" s="4" t="s">
        <v>849</v>
      </c>
    </row>
    <row r="927" spans="1:5" ht="23.1" customHeight="1" x14ac:dyDescent="0.2">
      <c r="A927" s="27">
        <v>925</v>
      </c>
      <c r="B927" s="6" t="s">
        <v>990</v>
      </c>
      <c r="C927" s="5" t="s">
        <v>115</v>
      </c>
      <c r="D927" s="5" t="s">
        <v>766</v>
      </c>
      <c r="E927" s="4" t="s">
        <v>3</v>
      </c>
    </row>
    <row r="928" spans="1:5" ht="23.1" customHeight="1" x14ac:dyDescent="0.2">
      <c r="A928" s="27">
        <v>926</v>
      </c>
      <c r="B928" s="6" t="s">
        <v>1837</v>
      </c>
      <c r="C928" s="5" t="s">
        <v>1835</v>
      </c>
      <c r="D928" s="5" t="s">
        <v>1836</v>
      </c>
      <c r="E928" s="4" t="s">
        <v>849</v>
      </c>
    </row>
    <row r="929" spans="1:5" ht="23.1" customHeight="1" x14ac:dyDescent="0.2">
      <c r="A929" s="27">
        <v>927</v>
      </c>
      <c r="B929" s="6" t="s">
        <v>1779</v>
      </c>
      <c r="C929" s="5" t="s">
        <v>2319</v>
      </c>
      <c r="D929" s="5" t="s">
        <v>1778</v>
      </c>
      <c r="E929" s="4" t="s">
        <v>849</v>
      </c>
    </row>
    <row r="930" spans="1:5" ht="23.1" customHeight="1" x14ac:dyDescent="0.2">
      <c r="A930" s="27">
        <v>928</v>
      </c>
      <c r="B930" s="6" t="s">
        <v>991</v>
      </c>
      <c r="C930" s="5" t="s">
        <v>117</v>
      </c>
      <c r="D930" s="5" t="s">
        <v>767</v>
      </c>
      <c r="E930" s="4" t="s">
        <v>849</v>
      </c>
    </row>
    <row r="931" spans="1:5" ht="23.1" customHeight="1" x14ac:dyDescent="0.2">
      <c r="A931" s="27">
        <v>929</v>
      </c>
      <c r="B931" s="6" t="s">
        <v>992</v>
      </c>
      <c r="C931" s="5" t="s">
        <v>118</v>
      </c>
      <c r="D931" s="5" t="s">
        <v>768</v>
      </c>
      <c r="E931" s="4" t="s">
        <v>849</v>
      </c>
    </row>
    <row r="932" spans="1:5" ht="23.1" customHeight="1" x14ac:dyDescent="0.2">
      <c r="A932" s="27">
        <v>930</v>
      </c>
      <c r="B932" s="6" t="s">
        <v>2805</v>
      </c>
      <c r="C932" s="5" t="s">
        <v>2803</v>
      </c>
      <c r="D932" s="5" t="s">
        <v>2804</v>
      </c>
      <c r="E932" s="4" t="s">
        <v>3</v>
      </c>
    </row>
    <row r="933" spans="1:5" ht="23.1" customHeight="1" x14ac:dyDescent="0.2">
      <c r="A933" s="27">
        <v>931</v>
      </c>
      <c r="B933" s="6" t="s">
        <v>993</v>
      </c>
      <c r="C933" s="5" t="s">
        <v>994</v>
      </c>
      <c r="D933" s="5" t="s">
        <v>995</v>
      </c>
      <c r="E933" s="4" t="s">
        <v>849</v>
      </c>
    </row>
    <row r="934" spans="1:5" ht="23.1" customHeight="1" x14ac:dyDescent="0.2">
      <c r="A934" s="27">
        <v>932</v>
      </c>
      <c r="B934" s="6" t="s">
        <v>996</v>
      </c>
      <c r="C934" s="5" t="s">
        <v>841</v>
      </c>
      <c r="D934" s="5" t="s">
        <v>997</v>
      </c>
      <c r="E934" s="4" t="s">
        <v>849</v>
      </c>
    </row>
    <row r="935" spans="1:5" ht="23.1" customHeight="1" x14ac:dyDescent="0.2">
      <c r="A935" s="27">
        <v>933</v>
      </c>
      <c r="B935" s="6" t="s">
        <v>2650</v>
      </c>
      <c r="C935" s="5" t="s">
        <v>119</v>
      </c>
      <c r="D935" s="5" t="s">
        <v>769</v>
      </c>
      <c r="E935" s="4" t="s">
        <v>849</v>
      </c>
    </row>
    <row r="936" spans="1:5" ht="23.1" customHeight="1" x14ac:dyDescent="0.2">
      <c r="A936" s="27">
        <v>934</v>
      </c>
      <c r="B936" s="6" t="s">
        <v>2802</v>
      </c>
      <c r="C936" s="5" t="s">
        <v>2800</v>
      </c>
      <c r="D936" s="5" t="s">
        <v>2801</v>
      </c>
      <c r="E936" s="4" t="s">
        <v>849</v>
      </c>
    </row>
    <row r="937" spans="1:5" ht="23.1" customHeight="1" x14ac:dyDescent="0.2">
      <c r="A937" s="27">
        <v>935</v>
      </c>
      <c r="B937" s="6" t="s">
        <v>2651</v>
      </c>
      <c r="C937" s="5" t="s">
        <v>2648</v>
      </c>
      <c r="D937" s="5" t="s">
        <v>2649</v>
      </c>
      <c r="E937" s="4" t="s">
        <v>3</v>
      </c>
    </row>
    <row r="938" spans="1:5" ht="23.1" customHeight="1" x14ac:dyDescent="0.2">
      <c r="A938" s="27">
        <v>936</v>
      </c>
      <c r="B938" s="6" t="s">
        <v>1813</v>
      </c>
      <c r="C938" s="5" t="s">
        <v>1811</v>
      </c>
      <c r="D938" s="5" t="s">
        <v>1812</v>
      </c>
      <c r="E938" s="4" t="s">
        <v>849</v>
      </c>
    </row>
    <row r="939" spans="1:5" ht="23.1" customHeight="1" x14ac:dyDescent="0.2">
      <c r="A939" s="27">
        <v>937</v>
      </c>
      <c r="B939" s="6" t="s">
        <v>998</v>
      </c>
      <c r="C939" s="5" t="s">
        <v>120</v>
      </c>
      <c r="D939" s="5" t="s">
        <v>770</v>
      </c>
      <c r="E939" s="4" t="s">
        <v>849</v>
      </c>
    </row>
    <row r="940" spans="1:5" ht="23.1" customHeight="1" x14ac:dyDescent="0.2">
      <c r="A940" s="27">
        <v>938</v>
      </c>
      <c r="B940" s="6" t="s">
        <v>999</v>
      </c>
      <c r="C940" s="5" t="s">
        <v>1476</v>
      </c>
      <c r="D940" s="5" t="s">
        <v>1000</v>
      </c>
      <c r="E940" s="4" t="s">
        <v>3</v>
      </c>
    </row>
    <row r="941" spans="1:5" ht="23.1" customHeight="1" x14ac:dyDescent="0.2">
      <c r="A941" s="27">
        <v>939</v>
      </c>
      <c r="B941" s="6" t="s">
        <v>1001</v>
      </c>
      <c r="C941" s="5" t="s">
        <v>122</v>
      </c>
      <c r="D941" s="5" t="s">
        <v>771</v>
      </c>
      <c r="E941" s="4" t="s">
        <v>849</v>
      </c>
    </row>
    <row r="942" spans="1:5" ht="23.1" customHeight="1" x14ac:dyDescent="0.2">
      <c r="A942" s="27">
        <v>940</v>
      </c>
      <c r="B942" s="6" t="s">
        <v>1002</v>
      </c>
      <c r="C942" s="5" t="s">
        <v>121</v>
      </c>
      <c r="D942" s="5" t="s">
        <v>771</v>
      </c>
      <c r="E942" s="4" t="s">
        <v>849</v>
      </c>
    </row>
    <row r="943" spans="1:5" ht="23.1" customHeight="1" x14ac:dyDescent="0.2">
      <c r="A943" s="27">
        <v>941</v>
      </c>
      <c r="B943" s="6" t="s">
        <v>2007</v>
      </c>
      <c r="C943" s="5" t="s">
        <v>2005</v>
      </c>
      <c r="D943" s="5" t="s">
        <v>2006</v>
      </c>
      <c r="E943" s="4" t="s">
        <v>3</v>
      </c>
    </row>
    <row r="944" spans="1:5" ht="23.1" customHeight="1" x14ac:dyDescent="0.2">
      <c r="A944" s="27">
        <v>942</v>
      </c>
      <c r="B944" s="6" t="s">
        <v>1003</v>
      </c>
      <c r="C944" s="5" t="s">
        <v>833</v>
      </c>
      <c r="D944" s="5" t="s">
        <v>1004</v>
      </c>
      <c r="E944" s="4" t="s">
        <v>849</v>
      </c>
    </row>
    <row r="945" spans="1:5" ht="23.1" customHeight="1" x14ac:dyDescent="0.2">
      <c r="A945" s="27">
        <v>943</v>
      </c>
      <c r="B945" s="6" t="s">
        <v>1005</v>
      </c>
      <c r="C945" s="5" t="s">
        <v>123</v>
      </c>
      <c r="D945" s="5" t="s">
        <v>772</v>
      </c>
      <c r="E945" s="4" t="s">
        <v>849</v>
      </c>
    </row>
    <row r="946" spans="1:5" ht="23.1" customHeight="1" x14ac:dyDescent="0.2">
      <c r="A946" s="27">
        <v>944</v>
      </c>
      <c r="B946" s="6" t="s">
        <v>1006</v>
      </c>
      <c r="C946" s="5" t="s">
        <v>124</v>
      </c>
      <c r="D946" s="5" t="s">
        <v>773</v>
      </c>
      <c r="E946" s="4" t="s">
        <v>849</v>
      </c>
    </row>
    <row r="947" spans="1:5" ht="23.1" customHeight="1" x14ac:dyDescent="0.2">
      <c r="A947" s="27">
        <v>945</v>
      </c>
      <c r="B947" s="6" t="s">
        <v>2249</v>
      </c>
      <c r="C947" s="9" t="s">
        <v>2248</v>
      </c>
      <c r="D947" s="9" t="s">
        <v>2247</v>
      </c>
      <c r="E947" s="4" t="s">
        <v>849</v>
      </c>
    </row>
    <row r="948" spans="1:5" ht="23.1" customHeight="1" x14ac:dyDescent="0.2">
      <c r="A948" s="27">
        <v>946</v>
      </c>
      <c r="B948" s="6" t="s">
        <v>1007</v>
      </c>
      <c r="C948" s="5" t="s">
        <v>125</v>
      </c>
      <c r="D948" s="5" t="s">
        <v>774</v>
      </c>
      <c r="E948" s="4" t="s">
        <v>849</v>
      </c>
    </row>
    <row r="949" spans="1:5" ht="23.1" customHeight="1" x14ac:dyDescent="0.2">
      <c r="A949" s="27">
        <v>947</v>
      </c>
      <c r="B949" s="6" t="s">
        <v>1008</v>
      </c>
      <c r="C949" s="5" t="s">
        <v>126</v>
      </c>
      <c r="D949" s="5" t="s">
        <v>2094</v>
      </c>
      <c r="E949" s="4" t="s">
        <v>849</v>
      </c>
    </row>
    <row r="950" spans="1:5" ht="23.1" customHeight="1" x14ac:dyDescent="0.2">
      <c r="A950" s="27">
        <v>948</v>
      </c>
      <c r="B950" s="6" t="s">
        <v>2097</v>
      </c>
      <c r="C950" s="5" t="s">
        <v>2096</v>
      </c>
      <c r="D950" s="5" t="s">
        <v>2095</v>
      </c>
      <c r="E950" s="4" t="s">
        <v>849</v>
      </c>
    </row>
    <row r="951" spans="1:5" ht="23.1" customHeight="1" x14ac:dyDescent="0.2">
      <c r="A951" s="27">
        <v>949</v>
      </c>
      <c r="B951" s="6" t="s">
        <v>2065</v>
      </c>
      <c r="C951" s="5" t="s">
        <v>2063</v>
      </c>
      <c r="D951" s="5" t="s">
        <v>2064</v>
      </c>
      <c r="E951" s="4" t="s">
        <v>3</v>
      </c>
    </row>
    <row r="952" spans="1:5" ht="23.1" customHeight="1" x14ac:dyDescent="0.2">
      <c r="A952" s="27">
        <v>950</v>
      </c>
      <c r="B952" s="6" t="s">
        <v>1009</v>
      </c>
      <c r="C952" s="5" t="s">
        <v>832</v>
      </c>
      <c r="D952" s="5" t="s">
        <v>1503</v>
      </c>
      <c r="E952" s="4" t="s">
        <v>849</v>
      </c>
    </row>
    <row r="953" spans="1:5" ht="23.1" customHeight="1" x14ac:dyDescent="0.2">
      <c r="A953" s="27">
        <v>951</v>
      </c>
      <c r="B953" s="6" t="s">
        <v>2528</v>
      </c>
      <c r="C953" s="5" t="s">
        <v>2527</v>
      </c>
      <c r="D953" s="5" t="s">
        <v>2526</v>
      </c>
      <c r="E953" s="4" t="s">
        <v>3</v>
      </c>
    </row>
    <row r="954" spans="1:5" ht="23.1" customHeight="1" x14ac:dyDescent="0.2">
      <c r="A954" s="27">
        <v>952</v>
      </c>
      <c r="B954" s="6" t="s">
        <v>1504</v>
      </c>
      <c r="C954" s="5" t="s">
        <v>1478</v>
      </c>
      <c r="D954" s="5" t="s">
        <v>1505</v>
      </c>
      <c r="E954" s="4" t="s">
        <v>849</v>
      </c>
    </row>
    <row r="955" spans="1:5" ht="23.1" customHeight="1" x14ac:dyDescent="0.2">
      <c r="A955" s="27">
        <v>953</v>
      </c>
      <c r="B955" s="6" t="s">
        <v>1010</v>
      </c>
      <c r="C955" s="5" t="s">
        <v>1011</v>
      </c>
      <c r="D955" s="5" t="s">
        <v>1012</v>
      </c>
      <c r="E955" s="4" t="s">
        <v>849</v>
      </c>
    </row>
    <row r="956" spans="1:5" ht="23.1" customHeight="1" x14ac:dyDescent="0.2">
      <c r="A956" s="27">
        <v>954</v>
      </c>
      <c r="B956" s="6" t="s">
        <v>1013</v>
      </c>
      <c r="C956" s="5" t="s">
        <v>127</v>
      </c>
      <c r="D956" s="5" t="s">
        <v>775</v>
      </c>
      <c r="E956" s="4" t="s">
        <v>849</v>
      </c>
    </row>
    <row r="957" spans="1:5" ht="23.1" customHeight="1" x14ac:dyDescent="0.2">
      <c r="A957" s="27">
        <v>955</v>
      </c>
      <c r="B957" s="6" t="s">
        <v>1014</v>
      </c>
      <c r="C957" s="9" t="s">
        <v>128</v>
      </c>
      <c r="D957" s="9" t="s">
        <v>776</v>
      </c>
      <c r="E957" s="4" t="s">
        <v>849</v>
      </c>
    </row>
    <row r="958" spans="1:5" ht="23.1" customHeight="1" x14ac:dyDescent="0.2">
      <c r="A958" s="27">
        <v>956</v>
      </c>
      <c r="B958" s="6" t="s">
        <v>1015</v>
      </c>
      <c r="C958" s="5" t="s">
        <v>129</v>
      </c>
      <c r="D958" s="5" t="s">
        <v>777</v>
      </c>
      <c r="E958" s="4" t="s">
        <v>849</v>
      </c>
    </row>
    <row r="959" spans="1:5" ht="23.1" customHeight="1" x14ac:dyDescent="0.2">
      <c r="A959" s="27">
        <v>957</v>
      </c>
      <c r="B959" s="6" t="s">
        <v>1016</v>
      </c>
      <c r="C959" s="5" t="s">
        <v>130</v>
      </c>
      <c r="D959" s="5" t="s">
        <v>777</v>
      </c>
      <c r="E959" s="4" t="s">
        <v>849</v>
      </c>
    </row>
    <row r="960" spans="1:5" ht="23.1" customHeight="1" x14ac:dyDescent="0.2">
      <c r="A960" s="27">
        <v>958</v>
      </c>
      <c r="B960" s="6" t="s">
        <v>1017</v>
      </c>
      <c r="C960" s="5" t="s">
        <v>131</v>
      </c>
      <c r="D960" s="5" t="s">
        <v>778</v>
      </c>
      <c r="E960" s="4" t="s">
        <v>849</v>
      </c>
    </row>
    <row r="961" spans="1:5" ht="23.1" customHeight="1" x14ac:dyDescent="0.2">
      <c r="A961" s="27">
        <v>959</v>
      </c>
      <c r="B961" s="6" t="s">
        <v>1018</v>
      </c>
      <c r="C961" s="5" t="s">
        <v>831</v>
      </c>
      <c r="D961" s="5" t="s">
        <v>1019</v>
      </c>
      <c r="E961" s="4" t="s">
        <v>849</v>
      </c>
    </row>
    <row r="962" spans="1:5" ht="23.1" customHeight="1" x14ac:dyDescent="0.2">
      <c r="A962" s="27">
        <v>960</v>
      </c>
      <c r="B962" s="6" t="s">
        <v>1506</v>
      </c>
      <c r="C962" s="5" t="s">
        <v>132</v>
      </c>
      <c r="D962" s="5" t="s">
        <v>1564</v>
      </c>
      <c r="E962" s="4" t="s">
        <v>849</v>
      </c>
    </row>
    <row r="963" spans="1:5" ht="23.1" customHeight="1" x14ac:dyDescent="0.2">
      <c r="A963" s="27">
        <v>961</v>
      </c>
      <c r="B963" s="6" t="s">
        <v>1020</v>
      </c>
      <c r="C963" s="9" t="s">
        <v>133</v>
      </c>
      <c r="D963" s="9" t="s">
        <v>779</v>
      </c>
      <c r="E963" s="4" t="s">
        <v>849</v>
      </c>
    </row>
    <row r="964" spans="1:5" ht="23.1" customHeight="1" x14ac:dyDescent="0.2">
      <c r="A964" s="27">
        <v>962</v>
      </c>
      <c r="B964" s="6" t="s">
        <v>1021</v>
      </c>
      <c r="C964" s="5" t="s">
        <v>134</v>
      </c>
      <c r="D964" s="5" t="s">
        <v>780</v>
      </c>
      <c r="E964" s="4" t="s">
        <v>849</v>
      </c>
    </row>
    <row r="965" spans="1:5" ht="23.1" customHeight="1" x14ac:dyDescent="0.2">
      <c r="A965" s="27">
        <v>963</v>
      </c>
      <c r="B965" s="6" t="s">
        <v>1022</v>
      </c>
      <c r="C965" s="5" t="s">
        <v>135</v>
      </c>
      <c r="D965" s="5" t="s">
        <v>781</v>
      </c>
      <c r="E965" s="4" t="s">
        <v>849</v>
      </c>
    </row>
    <row r="966" spans="1:5" ht="23.1" customHeight="1" x14ac:dyDescent="0.2">
      <c r="A966" s="27">
        <v>964</v>
      </c>
      <c r="B966" s="6" t="s">
        <v>1023</v>
      </c>
      <c r="C966" s="5" t="s">
        <v>136</v>
      </c>
      <c r="D966" s="5" t="s">
        <v>782</v>
      </c>
      <c r="E966" s="4" t="s">
        <v>849</v>
      </c>
    </row>
    <row r="967" spans="1:5" ht="23.1" customHeight="1" x14ac:dyDescent="0.2">
      <c r="A967" s="27">
        <v>965</v>
      </c>
      <c r="B967" s="6" t="s">
        <v>2131</v>
      </c>
      <c r="C967" s="5" t="s">
        <v>2931</v>
      </c>
      <c r="D967" s="5" t="s">
        <v>2130</v>
      </c>
      <c r="E967" s="4" t="s">
        <v>3</v>
      </c>
    </row>
    <row r="968" spans="1:5" ht="23.1" customHeight="1" x14ac:dyDescent="0.2">
      <c r="A968" s="27">
        <v>966</v>
      </c>
      <c r="B968" s="6" t="s">
        <v>2132</v>
      </c>
      <c r="C968" s="5" t="s">
        <v>137</v>
      </c>
      <c r="D968" s="5" t="s">
        <v>783</v>
      </c>
      <c r="E968" s="4" t="s">
        <v>3</v>
      </c>
    </row>
    <row r="969" spans="1:5" ht="23.1" customHeight="1" x14ac:dyDescent="0.2">
      <c r="A969" s="27">
        <v>967</v>
      </c>
      <c r="B969" s="4" t="s">
        <v>1635</v>
      </c>
      <c r="C969" s="4" t="s">
        <v>1641</v>
      </c>
      <c r="D969" s="4" t="s">
        <v>1649</v>
      </c>
      <c r="E969" s="4" t="s">
        <v>1644</v>
      </c>
    </row>
    <row r="970" spans="1:5" ht="23.1" customHeight="1" x14ac:dyDescent="0.2">
      <c r="A970" s="27">
        <v>968</v>
      </c>
      <c r="B970" s="6" t="s">
        <v>1024</v>
      </c>
      <c r="C970" s="5" t="s">
        <v>138</v>
      </c>
      <c r="D970" s="5" t="s">
        <v>784</v>
      </c>
      <c r="E970" s="4" t="s">
        <v>849</v>
      </c>
    </row>
    <row r="971" spans="1:5" ht="23.1" customHeight="1" x14ac:dyDescent="0.2">
      <c r="A971" s="27">
        <v>969</v>
      </c>
      <c r="B971" s="6" t="s">
        <v>1025</v>
      </c>
      <c r="C971" s="5" t="s">
        <v>1026</v>
      </c>
      <c r="D971" s="5" t="s">
        <v>1027</v>
      </c>
      <c r="E971" s="4" t="s">
        <v>3</v>
      </c>
    </row>
    <row r="972" spans="1:5" ht="23.1" customHeight="1" x14ac:dyDescent="0.2">
      <c r="A972" s="27">
        <v>970</v>
      </c>
      <c r="B972" s="4" t="s">
        <v>1729</v>
      </c>
      <c r="C972" s="4" t="s">
        <v>1750</v>
      </c>
      <c r="D972" s="4" t="s">
        <v>1737</v>
      </c>
      <c r="E972" s="4" t="s">
        <v>3</v>
      </c>
    </row>
    <row r="973" spans="1:5" ht="23.1" customHeight="1" x14ac:dyDescent="0.2">
      <c r="A973" s="27">
        <v>971</v>
      </c>
      <c r="B973" s="6" t="s">
        <v>1028</v>
      </c>
      <c r="C973" s="5" t="s">
        <v>139</v>
      </c>
      <c r="D973" s="5" t="s">
        <v>785</v>
      </c>
      <c r="E973" s="4" t="s">
        <v>849</v>
      </c>
    </row>
    <row r="974" spans="1:5" ht="23.1" customHeight="1" x14ac:dyDescent="0.2">
      <c r="A974" s="27">
        <v>972</v>
      </c>
      <c r="B974" s="6" t="s">
        <v>1029</v>
      </c>
      <c r="C974" s="5" t="s">
        <v>140</v>
      </c>
      <c r="D974" s="5" t="s">
        <v>786</v>
      </c>
      <c r="E974" s="4" t="s">
        <v>849</v>
      </c>
    </row>
    <row r="975" spans="1:5" ht="23.1" customHeight="1" x14ac:dyDescent="0.2">
      <c r="A975" s="27">
        <v>973</v>
      </c>
      <c r="B975" s="6" t="s">
        <v>1030</v>
      </c>
      <c r="C975" s="5" t="s">
        <v>1031</v>
      </c>
      <c r="D975" s="5" t="s">
        <v>1032</v>
      </c>
      <c r="E975" s="4" t="s">
        <v>849</v>
      </c>
    </row>
    <row r="976" spans="1:5" ht="23.1" customHeight="1" x14ac:dyDescent="0.2">
      <c r="A976" s="27">
        <v>974</v>
      </c>
      <c r="B976" s="6" t="s">
        <v>1033</v>
      </c>
      <c r="C976" s="5" t="s">
        <v>141</v>
      </c>
      <c r="D976" s="5" t="s">
        <v>787</v>
      </c>
      <c r="E976" s="4" t="s">
        <v>849</v>
      </c>
    </row>
    <row r="977" spans="1:5" ht="23.1" customHeight="1" x14ac:dyDescent="0.2">
      <c r="A977" s="27">
        <v>975</v>
      </c>
      <c r="B977" s="6" t="s">
        <v>1034</v>
      </c>
      <c r="C977" s="5" t="s">
        <v>142</v>
      </c>
      <c r="D977" s="5" t="s">
        <v>788</v>
      </c>
      <c r="E977" s="4" t="s">
        <v>849</v>
      </c>
    </row>
    <row r="978" spans="1:5" ht="23.1" customHeight="1" x14ac:dyDescent="0.2">
      <c r="A978" s="27">
        <v>976</v>
      </c>
      <c r="B978" s="6" t="s">
        <v>1035</v>
      </c>
      <c r="C978" s="5" t="s">
        <v>143</v>
      </c>
      <c r="D978" s="5" t="s">
        <v>789</v>
      </c>
      <c r="E978" s="4" t="s">
        <v>849</v>
      </c>
    </row>
    <row r="979" spans="1:5" ht="23.1" customHeight="1" x14ac:dyDescent="0.2">
      <c r="A979" s="27">
        <v>977</v>
      </c>
      <c r="B979" s="6" t="s">
        <v>2030</v>
      </c>
      <c r="C979" s="5" t="s">
        <v>2028</v>
      </c>
      <c r="D979" s="5" t="s">
        <v>2029</v>
      </c>
      <c r="E979" s="4" t="s">
        <v>849</v>
      </c>
    </row>
    <row r="980" spans="1:5" s="23" customFormat="1" ht="23.1" customHeight="1" x14ac:dyDescent="0.2">
      <c r="A980" s="27">
        <v>978</v>
      </c>
      <c r="B980" s="26" t="s">
        <v>2461</v>
      </c>
      <c r="C980" s="1" t="s">
        <v>144</v>
      </c>
      <c r="D980" s="1" t="s">
        <v>2459</v>
      </c>
      <c r="E980" s="2" t="s">
        <v>1644</v>
      </c>
    </row>
    <row r="981" spans="1:5" ht="23.1" customHeight="1" x14ac:dyDescent="0.2">
      <c r="A981" s="27">
        <v>979</v>
      </c>
      <c r="B981" s="26" t="s">
        <v>3035</v>
      </c>
      <c r="C981" s="1" t="s">
        <v>3034</v>
      </c>
      <c r="D981" s="1" t="s">
        <v>3033</v>
      </c>
      <c r="E981" s="2" t="s">
        <v>3</v>
      </c>
    </row>
    <row r="982" spans="1:5" ht="23.1" customHeight="1" x14ac:dyDescent="0.2">
      <c r="A982" s="27">
        <v>980</v>
      </c>
      <c r="B982" s="26" t="s">
        <v>2462</v>
      </c>
      <c r="C982" s="1" t="s">
        <v>2458</v>
      </c>
      <c r="D982" s="1" t="s">
        <v>2460</v>
      </c>
      <c r="E982" s="2" t="s">
        <v>1644</v>
      </c>
    </row>
    <row r="983" spans="1:5" ht="23.1" customHeight="1" x14ac:dyDescent="0.2">
      <c r="A983" s="27">
        <v>981</v>
      </c>
      <c r="B983" s="26" t="s">
        <v>1036</v>
      </c>
      <c r="C983" s="1" t="s">
        <v>145</v>
      </c>
      <c r="D983" s="1" t="s">
        <v>790</v>
      </c>
      <c r="E983" s="2" t="s">
        <v>849</v>
      </c>
    </row>
    <row r="984" spans="1:5" ht="23.1" customHeight="1" x14ac:dyDescent="0.2">
      <c r="A984" s="27">
        <v>982</v>
      </c>
      <c r="B984" s="26" t="s">
        <v>1037</v>
      </c>
      <c r="C984" s="1" t="s">
        <v>146</v>
      </c>
      <c r="D984" s="1" t="s">
        <v>791</v>
      </c>
      <c r="E984" s="2" t="s">
        <v>849</v>
      </c>
    </row>
    <row r="985" spans="1:5" ht="23.1" customHeight="1" x14ac:dyDescent="0.2">
      <c r="A985" s="27">
        <v>983</v>
      </c>
      <c r="B985" s="26" t="s">
        <v>2352</v>
      </c>
      <c r="C985" s="1" t="s">
        <v>2350</v>
      </c>
      <c r="D985" s="1" t="s">
        <v>2351</v>
      </c>
      <c r="E985" s="2" t="s">
        <v>849</v>
      </c>
    </row>
    <row r="986" spans="1:5" ht="23.1" customHeight="1" x14ac:dyDescent="0.2">
      <c r="A986" s="27">
        <v>984</v>
      </c>
      <c r="B986" s="26" t="s">
        <v>1038</v>
      </c>
      <c r="C986" s="1" t="s">
        <v>147</v>
      </c>
      <c r="D986" s="1" t="s">
        <v>792</v>
      </c>
      <c r="E986" s="2" t="s">
        <v>849</v>
      </c>
    </row>
    <row r="987" spans="1:5" ht="23.1" customHeight="1" x14ac:dyDescent="0.2">
      <c r="A987" s="27">
        <v>985</v>
      </c>
      <c r="B987" s="26" t="s">
        <v>1039</v>
      </c>
      <c r="C987" s="1" t="s">
        <v>148</v>
      </c>
      <c r="D987" s="1" t="s">
        <v>793</v>
      </c>
      <c r="E987" s="2" t="s">
        <v>849</v>
      </c>
    </row>
    <row r="988" spans="1:5" ht="23.1" customHeight="1" x14ac:dyDescent="0.2">
      <c r="A988" s="27">
        <v>986</v>
      </c>
      <c r="B988" s="26" t="s">
        <v>1040</v>
      </c>
      <c r="C988" s="1" t="s">
        <v>149</v>
      </c>
      <c r="D988" s="1" t="s">
        <v>794</v>
      </c>
      <c r="E988" s="2" t="s">
        <v>849</v>
      </c>
    </row>
    <row r="989" spans="1:5" ht="23.1" customHeight="1" x14ac:dyDescent="0.2">
      <c r="A989" s="27">
        <v>987</v>
      </c>
      <c r="B989" s="26" t="s">
        <v>1041</v>
      </c>
      <c r="C989" s="3" t="s">
        <v>150</v>
      </c>
      <c r="D989" s="3" t="s">
        <v>795</v>
      </c>
      <c r="E989" s="2" t="s">
        <v>849</v>
      </c>
    </row>
    <row r="990" spans="1:5" ht="23.1" customHeight="1" x14ac:dyDescent="0.2">
      <c r="A990" s="27">
        <v>988</v>
      </c>
      <c r="B990" s="26" t="s">
        <v>1042</v>
      </c>
      <c r="C990" s="1" t="s">
        <v>151</v>
      </c>
      <c r="D990" s="1" t="s">
        <v>796</v>
      </c>
      <c r="E990" s="2" t="s">
        <v>849</v>
      </c>
    </row>
    <row r="991" spans="1:5" ht="23.1" customHeight="1" x14ac:dyDescent="0.2">
      <c r="A991" s="27">
        <v>989</v>
      </c>
      <c r="B991" s="26" t="s">
        <v>1043</v>
      </c>
      <c r="C991" s="1" t="s">
        <v>152</v>
      </c>
      <c r="D991" s="1" t="s">
        <v>797</v>
      </c>
      <c r="E991" s="2" t="s">
        <v>849</v>
      </c>
    </row>
    <row r="992" spans="1:5" ht="23.1" customHeight="1" x14ac:dyDescent="0.2">
      <c r="A992" s="27">
        <v>990</v>
      </c>
      <c r="B992" s="26" t="s">
        <v>1044</v>
      </c>
      <c r="C992" s="1" t="s">
        <v>153</v>
      </c>
      <c r="D992" s="1" t="s">
        <v>798</v>
      </c>
      <c r="E992" s="2" t="s">
        <v>849</v>
      </c>
    </row>
    <row r="993" spans="1:5" ht="23.1" customHeight="1" x14ac:dyDescent="0.2">
      <c r="A993" s="27">
        <v>991</v>
      </c>
      <c r="B993" s="26" t="s">
        <v>2947</v>
      </c>
      <c r="C993" s="1" t="s">
        <v>2946</v>
      </c>
      <c r="D993" s="1" t="s">
        <v>2945</v>
      </c>
      <c r="E993" s="2" t="s">
        <v>3</v>
      </c>
    </row>
    <row r="994" spans="1:5" ht="23.1" customHeight="1" x14ac:dyDescent="0.2">
      <c r="A994" s="27">
        <v>992</v>
      </c>
      <c r="B994" s="6" t="s">
        <v>1045</v>
      </c>
      <c r="C994" s="5" t="s">
        <v>154</v>
      </c>
      <c r="D994" s="5" t="s">
        <v>799</v>
      </c>
      <c r="E994" s="4" t="s">
        <v>3</v>
      </c>
    </row>
    <row r="995" spans="1:5" ht="23.1" customHeight="1" x14ac:dyDescent="0.2">
      <c r="A995" s="27">
        <v>993</v>
      </c>
      <c r="B995" s="6" t="s">
        <v>2878</v>
      </c>
      <c r="C995" s="5" t="s">
        <v>2877</v>
      </c>
      <c r="D995" s="5" t="s">
        <v>2876</v>
      </c>
      <c r="E995" s="4" t="s">
        <v>3</v>
      </c>
    </row>
    <row r="996" spans="1:5" ht="23.1" customHeight="1" x14ac:dyDescent="0.2">
      <c r="A996" s="27">
        <v>994</v>
      </c>
      <c r="B996" s="6" t="s">
        <v>1930</v>
      </c>
      <c r="C996" s="5" t="s">
        <v>1928</v>
      </c>
      <c r="D996" s="5" t="s">
        <v>1929</v>
      </c>
      <c r="E996" s="4" t="s">
        <v>3</v>
      </c>
    </row>
    <row r="997" spans="1:5" ht="23.1" customHeight="1" x14ac:dyDescent="0.2">
      <c r="A997" s="27">
        <v>995</v>
      </c>
      <c r="B997" s="6" t="s">
        <v>1982</v>
      </c>
      <c r="C997" s="5" t="s">
        <v>1980</v>
      </c>
      <c r="D997" s="5" t="s">
        <v>1981</v>
      </c>
      <c r="E997" s="4" t="s">
        <v>3</v>
      </c>
    </row>
    <row r="998" spans="1:5" ht="23.1" customHeight="1" x14ac:dyDescent="0.2">
      <c r="A998" s="27">
        <v>996</v>
      </c>
      <c r="B998" s="6" t="s">
        <v>1574</v>
      </c>
      <c r="C998" s="5" t="s">
        <v>1575</v>
      </c>
      <c r="D998" s="5" t="s">
        <v>1576</v>
      </c>
      <c r="E998" s="4" t="s">
        <v>3</v>
      </c>
    </row>
    <row r="999" spans="1:5" ht="23.1" customHeight="1" x14ac:dyDescent="0.2">
      <c r="A999" s="27">
        <v>997</v>
      </c>
      <c r="B999" s="6" t="s">
        <v>974</v>
      </c>
      <c r="C999" s="5" t="s">
        <v>105</v>
      </c>
      <c r="D999" s="5" t="s">
        <v>800</v>
      </c>
      <c r="E999" s="4" t="s">
        <v>849</v>
      </c>
    </row>
    <row r="1000" spans="1:5" ht="23.1" customHeight="1" x14ac:dyDescent="0.2">
      <c r="A1000" s="27">
        <v>998</v>
      </c>
      <c r="B1000" s="6" t="s">
        <v>975</v>
      </c>
      <c r="C1000" s="5" t="s">
        <v>976</v>
      </c>
      <c r="D1000" s="5" t="s">
        <v>977</v>
      </c>
      <c r="E1000" s="4" t="s">
        <v>849</v>
      </c>
    </row>
    <row r="1001" spans="1:5" ht="23.1" customHeight="1" x14ac:dyDescent="0.2">
      <c r="A1001" s="27">
        <v>999</v>
      </c>
      <c r="B1001" s="6" t="s">
        <v>978</v>
      </c>
      <c r="C1001" s="5" t="s">
        <v>979</v>
      </c>
      <c r="D1001" s="5" t="s">
        <v>980</v>
      </c>
      <c r="E1001" s="4" t="s">
        <v>3</v>
      </c>
    </row>
    <row r="1002" spans="1:5" ht="23.1" customHeight="1" x14ac:dyDescent="0.2">
      <c r="A1002" s="27">
        <v>1000</v>
      </c>
      <c r="B1002" s="6" t="s">
        <v>981</v>
      </c>
      <c r="C1002" s="5" t="s">
        <v>106</v>
      </c>
      <c r="D1002" s="5" t="s">
        <v>801</v>
      </c>
      <c r="E1002" s="4" t="s">
        <v>849</v>
      </c>
    </row>
    <row r="1003" spans="1:5" ht="23.1" customHeight="1" x14ac:dyDescent="0.2">
      <c r="A1003" s="27">
        <v>1001</v>
      </c>
      <c r="B1003" s="6" t="s">
        <v>2240</v>
      </c>
      <c r="C1003" s="9" t="s">
        <v>2239</v>
      </c>
      <c r="D1003" s="9" t="s">
        <v>2238</v>
      </c>
      <c r="E1003" s="4" t="s">
        <v>3</v>
      </c>
    </row>
    <row r="1004" spans="1:5" ht="23.1" customHeight="1" x14ac:dyDescent="0.2">
      <c r="A1004" s="27">
        <v>1002</v>
      </c>
      <c r="B1004" s="6" t="s">
        <v>2825</v>
      </c>
      <c r="C1004" s="9" t="s">
        <v>2823</v>
      </c>
      <c r="D1004" s="9" t="s">
        <v>2824</v>
      </c>
      <c r="E1004" s="4" t="s">
        <v>3</v>
      </c>
    </row>
    <row r="1005" spans="1:5" ht="23.1" customHeight="1" x14ac:dyDescent="0.2">
      <c r="A1005" s="27">
        <v>1003</v>
      </c>
      <c r="B1005" s="6" t="s">
        <v>2040</v>
      </c>
      <c r="C1005" s="9" t="s">
        <v>2038</v>
      </c>
      <c r="D1005" s="9" t="s">
        <v>2039</v>
      </c>
      <c r="E1005" s="4" t="s">
        <v>3</v>
      </c>
    </row>
    <row r="1006" spans="1:5" ht="23.1" customHeight="1" x14ac:dyDescent="0.2">
      <c r="A1006" s="27">
        <v>1004</v>
      </c>
      <c r="B1006" s="6" t="s">
        <v>2560</v>
      </c>
      <c r="C1006" s="9" t="s">
        <v>2558</v>
      </c>
      <c r="D1006" s="9" t="s">
        <v>2559</v>
      </c>
      <c r="E1006" s="4" t="s">
        <v>3</v>
      </c>
    </row>
    <row r="1007" spans="1:5" ht="23.1" customHeight="1" x14ac:dyDescent="0.2">
      <c r="A1007" s="27">
        <v>1005</v>
      </c>
      <c r="B1007" s="6" t="s">
        <v>2702</v>
      </c>
      <c r="C1007" s="5" t="s">
        <v>95</v>
      </c>
      <c r="D1007" s="5" t="s">
        <v>820</v>
      </c>
      <c r="E1007" s="4" t="s">
        <v>849</v>
      </c>
    </row>
    <row r="1008" spans="1:5" ht="23.1" customHeight="1" x14ac:dyDescent="0.2">
      <c r="A1008" s="27">
        <v>1006</v>
      </c>
      <c r="B1008" s="6" t="s">
        <v>2703</v>
      </c>
      <c r="C1008" s="5" t="s">
        <v>2700</v>
      </c>
      <c r="D1008" s="5" t="s">
        <v>2701</v>
      </c>
      <c r="E1008" s="4" t="s">
        <v>3</v>
      </c>
    </row>
    <row r="1009" spans="1:5" ht="23.1" customHeight="1" x14ac:dyDescent="0.2">
      <c r="A1009" s="27">
        <v>1007</v>
      </c>
      <c r="B1009" s="6" t="s">
        <v>961</v>
      </c>
      <c r="C1009" s="5" t="s">
        <v>96</v>
      </c>
      <c r="D1009" s="5" t="s">
        <v>823</v>
      </c>
      <c r="E1009" s="4" t="s">
        <v>849</v>
      </c>
    </row>
    <row r="1010" spans="1:5" ht="23.1" customHeight="1" x14ac:dyDescent="0.2">
      <c r="A1010" s="27">
        <v>1008</v>
      </c>
      <c r="B1010" s="6" t="s">
        <v>962</v>
      </c>
      <c r="C1010" s="5" t="s">
        <v>97</v>
      </c>
      <c r="D1010" s="5" t="s">
        <v>824</v>
      </c>
      <c r="E1010" s="4" t="s">
        <v>849</v>
      </c>
    </row>
    <row r="1011" spans="1:5" ht="23.1" customHeight="1" x14ac:dyDescent="0.2">
      <c r="A1011" s="27">
        <v>1009</v>
      </c>
      <c r="B1011" s="6" t="s">
        <v>963</v>
      </c>
      <c r="C1011" s="5" t="s">
        <v>842</v>
      </c>
      <c r="D1011" s="5" t="s">
        <v>964</v>
      </c>
      <c r="E1011" s="4" t="s">
        <v>3</v>
      </c>
    </row>
    <row r="1012" spans="1:5" ht="23.1" customHeight="1" x14ac:dyDescent="0.2">
      <c r="A1012" s="27">
        <v>1010</v>
      </c>
      <c r="B1012" s="6" t="s">
        <v>2497</v>
      </c>
      <c r="C1012" s="5" t="s">
        <v>2715</v>
      </c>
      <c r="D1012" s="5" t="s">
        <v>2496</v>
      </c>
      <c r="E1012" s="4" t="s">
        <v>3</v>
      </c>
    </row>
    <row r="1013" spans="1:5" ht="23.1" customHeight="1" x14ac:dyDescent="0.2">
      <c r="A1013" s="27">
        <v>1011</v>
      </c>
      <c r="B1013" s="6" t="s">
        <v>965</v>
      </c>
      <c r="C1013" s="5" t="s">
        <v>98</v>
      </c>
      <c r="D1013" s="5" t="s">
        <v>825</v>
      </c>
      <c r="E1013" s="4" t="s">
        <v>849</v>
      </c>
    </row>
    <row r="1014" spans="1:5" ht="23.1" customHeight="1" x14ac:dyDescent="0.2">
      <c r="A1014" s="27">
        <v>1012</v>
      </c>
      <c r="B1014" s="6" t="s">
        <v>1979</v>
      </c>
      <c r="C1014" s="5" t="s">
        <v>1998</v>
      </c>
      <c r="D1014" s="5" t="s">
        <v>1978</v>
      </c>
      <c r="E1014" s="4" t="s">
        <v>849</v>
      </c>
    </row>
    <row r="1015" spans="1:5" ht="23.1" customHeight="1" x14ac:dyDescent="0.2">
      <c r="A1015" s="27">
        <v>1013</v>
      </c>
      <c r="B1015" s="6" t="s">
        <v>2193</v>
      </c>
      <c r="C1015" s="5" t="s">
        <v>2192</v>
      </c>
      <c r="D1015" s="5" t="s">
        <v>2191</v>
      </c>
      <c r="E1015" s="4" t="s">
        <v>3</v>
      </c>
    </row>
    <row r="1016" spans="1:5" ht="23.1" customHeight="1" x14ac:dyDescent="0.2">
      <c r="A1016" s="27">
        <v>1014</v>
      </c>
      <c r="B1016" s="6" t="s">
        <v>966</v>
      </c>
      <c r="C1016" s="5" t="s">
        <v>967</v>
      </c>
      <c r="D1016" s="5" t="s">
        <v>826</v>
      </c>
      <c r="E1016" s="4" t="s">
        <v>849</v>
      </c>
    </row>
    <row r="1017" spans="1:5" ht="23.1" customHeight="1" x14ac:dyDescent="0.2">
      <c r="A1017" s="27">
        <v>1015</v>
      </c>
      <c r="B1017" s="6" t="s">
        <v>968</v>
      </c>
      <c r="C1017" s="5" t="s">
        <v>99</v>
      </c>
      <c r="D1017" s="5" t="s">
        <v>2101</v>
      </c>
      <c r="E1017" s="4" t="s">
        <v>849</v>
      </c>
    </row>
    <row r="1018" spans="1:5" ht="23.1" customHeight="1" x14ac:dyDescent="0.2">
      <c r="A1018" s="27">
        <v>1016</v>
      </c>
      <c r="B1018" s="6" t="s">
        <v>2104</v>
      </c>
      <c r="C1018" s="5" t="s">
        <v>2103</v>
      </c>
      <c r="D1018" s="5" t="s">
        <v>2102</v>
      </c>
      <c r="E1018" s="4" t="s">
        <v>3</v>
      </c>
    </row>
    <row r="1019" spans="1:5" ht="23.1" customHeight="1" x14ac:dyDescent="0.2">
      <c r="A1019" s="27">
        <v>1017</v>
      </c>
      <c r="B1019" s="6" t="s">
        <v>969</v>
      </c>
      <c r="C1019" s="5" t="s">
        <v>100</v>
      </c>
      <c r="D1019" s="5" t="s">
        <v>821</v>
      </c>
      <c r="E1019" s="4" t="s">
        <v>849</v>
      </c>
    </row>
    <row r="1020" spans="1:5" ht="23.1" customHeight="1" x14ac:dyDescent="0.2">
      <c r="A1020" s="27">
        <v>1018</v>
      </c>
      <c r="B1020" s="6" t="s">
        <v>1586</v>
      </c>
      <c r="C1020" s="5" t="s">
        <v>1582</v>
      </c>
      <c r="D1020" s="5" t="s">
        <v>1593</v>
      </c>
      <c r="E1020" s="4" t="s">
        <v>849</v>
      </c>
    </row>
    <row r="1021" spans="1:5" ht="23.1" customHeight="1" x14ac:dyDescent="0.2">
      <c r="A1021" s="27">
        <v>1019</v>
      </c>
      <c r="B1021" s="6" t="s">
        <v>970</v>
      </c>
      <c r="C1021" s="5" t="s">
        <v>101</v>
      </c>
      <c r="D1021" s="5" t="s">
        <v>822</v>
      </c>
      <c r="E1021" s="4" t="s">
        <v>849</v>
      </c>
    </row>
    <row r="1022" spans="1:5" ht="23.1" customHeight="1" x14ac:dyDescent="0.2">
      <c r="A1022" s="27">
        <v>1020</v>
      </c>
      <c r="B1022" s="6" t="s">
        <v>2025</v>
      </c>
      <c r="C1022" s="5" t="s">
        <v>2022</v>
      </c>
      <c r="D1022" s="5" t="s">
        <v>2023</v>
      </c>
      <c r="E1022" s="4" t="s">
        <v>849</v>
      </c>
    </row>
    <row r="1023" spans="1:5" ht="23.1" customHeight="1" x14ac:dyDescent="0.2">
      <c r="A1023" s="27">
        <v>1021</v>
      </c>
      <c r="B1023" s="6" t="s">
        <v>972</v>
      </c>
      <c r="C1023" s="5" t="s">
        <v>103</v>
      </c>
      <c r="D1023" s="5" t="s">
        <v>827</v>
      </c>
      <c r="E1023" s="4" t="s">
        <v>849</v>
      </c>
    </row>
    <row r="1024" spans="1:5" ht="23.1" customHeight="1" x14ac:dyDescent="0.2">
      <c r="A1024" s="27">
        <v>1022</v>
      </c>
      <c r="B1024" s="6" t="s">
        <v>971</v>
      </c>
      <c r="C1024" s="9" t="s">
        <v>102</v>
      </c>
      <c r="D1024" s="9" t="s">
        <v>828</v>
      </c>
      <c r="E1024" s="4" t="s">
        <v>3</v>
      </c>
    </row>
    <row r="1025" spans="1:5" ht="23.1" customHeight="1" x14ac:dyDescent="0.2">
      <c r="A1025" s="27">
        <v>1023</v>
      </c>
      <c r="B1025" s="6" t="s">
        <v>2167</v>
      </c>
      <c r="C1025" s="9" t="s">
        <v>2166</v>
      </c>
      <c r="D1025" s="9" t="s">
        <v>2165</v>
      </c>
      <c r="E1025" s="4" t="s">
        <v>3</v>
      </c>
    </row>
    <row r="1026" spans="1:5" ht="23.1" customHeight="1" x14ac:dyDescent="0.2">
      <c r="A1026" s="27">
        <v>1024</v>
      </c>
      <c r="B1026" s="6" t="s">
        <v>973</v>
      </c>
      <c r="C1026" s="5" t="s">
        <v>104</v>
      </c>
      <c r="D1026" s="5" t="s">
        <v>1599</v>
      </c>
      <c r="E1026" s="4" t="s">
        <v>3</v>
      </c>
    </row>
    <row r="1027" spans="1:5" ht="23.1" customHeight="1" x14ac:dyDescent="0.2">
      <c r="C1027" s="16"/>
      <c r="D1027" s="16"/>
      <c r="E1027" s="16"/>
    </row>
    <row r="1028" spans="1:5" ht="23.1" customHeight="1" x14ac:dyDescent="0.2">
      <c r="C1028" s="16"/>
      <c r="D1028" s="16"/>
      <c r="E1028" s="16"/>
    </row>
    <row r="1029" spans="1:5" ht="23.1" customHeight="1" x14ac:dyDescent="0.2">
      <c r="C1029" s="16"/>
      <c r="D1029" s="16"/>
      <c r="E1029" s="16"/>
    </row>
    <row r="1030" spans="1:5" ht="23.1" customHeight="1" x14ac:dyDescent="0.2">
      <c r="C1030" s="16"/>
      <c r="D1030" s="16"/>
      <c r="E1030" s="16"/>
    </row>
    <row r="1031" spans="1:5" ht="23.1" customHeight="1" x14ac:dyDescent="0.2">
      <c r="C1031" s="16"/>
      <c r="D1031" s="16"/>
      <c r="E1031" s="16"/>
    </row>
    <row r="1032" spans="1:5" ht="23.1" customHeight="1" x14ac:dyDescent="0.2">
      <c r="C1032" s="16"/>
      <c r="D1032" s="16"/>
      <c r="E1032" s="16"/>
    </row>
    <row r="1033" spans="1:5" ht="23.1" customHeight="1" x14ac:dyDescent="0.2">
      <c r="C1033" s="16"/>
      <c r="D1033" s="16"/>
      <c r="E1033" s="16"/>
    </row>
    <row r="1034" spans="1:5" ht="23.1" customHeight="1" x14ac:dyDescent="0.2">
      <c r="C1034" s="16"/>
      <c r="D1034" s="16"/>
      <c r="E1034" s="16"/>
    </row>
    <row r="1035" spans="1:5" ht="23.1" customHeight="1" x14ac:dyDescent="0.2">
      <c r="C1035" s="16"/>
      <c r="D1035" s="16"/>
      <c r="E1035" s="16"/>
    </row>
    <row r="1036" spans="1:5" ht="23.1" customHeight="1" x14ac:dyDescent="0.2">
      <c r="C1036" s="16"/>
      <c r="D1036" s="16"/>
      <c r="E1036" s="16"/>
    </row>
    <row r="1037" spans="1:5" ht="23.1" customHeight="1" x14ac:dyDescent="0.2">
      <c r="C1037" s="16"/>
      <c r="D1037" s="16"/>
      <c r="E1037" s="16"/>
    </row>
    <row r="1038" spans="1:5" ht="23.1" customHeight="1" x14ac:dyDescent="0.2">
      <c r="C1038" s="16"/>
      <c r="D1038" s="16"/>
      <c r="E1038" s="16"/>
    </row>
    <row r="1039" spans="1:5" ht="23.1" customHeight="1" x14ac:dyDescent="0.2">
      <c r="C1039" s="16"/>
      <c r="D1039" s="16"/>
      <c r="E1039" s="16"/>
    </row>
    <row r="1040" spans="1:5" ht="23.1" customHeight="1" x14ac:dyDescent="0.2">
      <c r="C1040" s="16"/>
      <c r="D1040" s="16"/>
      <c r="E1040" s="16"/>
    </row>
    <row r="1041" spans="3:5" ht="23.1" customHeight="1" x14ac:dyDescent="0.2">
      <c r="C1041" s="16"/>
      <c r="D1041" s="16"/>
      <c r="E1041" s="16"/>
    </row>
    <row r="1042" spans="3:5" ht="23.1" customHeight="1" x14ac:dyDescent="0.2">
      <c r="C1042" s="16"/>
      <c r="D1042" s="16"/>
      <c r="E1042" s="16"/>
    </row>
    <row r="1043" spans="3:5" ht="23.1" customHeight="1" x14ac:dyDescent="0.2">
      <c r="C1043" s="16"/>
      <c r="D1043" s="16"/>
      <c r="E1043" s="16"/>
    </row>
    <row r="1044" spans="3:5" ht="23.1" customHeight="1" x14ac:dyDescent="0.2">
      <c r="C1044" s="16"/>
      <c r="D1044" s="16"/>
      <c r="E1044" s="16"/>
    </row>
    <row r="1045" spans="3:5" ht="23.1" customHeight="1" x14ac:dyDescent="0.2">
      <c r="C1045" s="16"/>
      <c r="D1045" s="16"/>
      <c r="E1045" s="16"/>
    </row>
    <row r="1046" spans="3:5" ht="23.1" customHeight="1" x14ac:dyDescent="0.2">
      <c r="C1046" s="16"/>
      <c r="D1046" s="16"/>
      <c r="E1046" s="16"/>
    </row>
    <row r="1047" spans="3:5" ht="23.1" customHeight="1" x14ac:dyDescent="0.2">
      <c r="C1047" s="16"/>
      <c r="D1047" s="16"/>
      <c r="E1047" s="16"/>
    </row>
    <row r="1048" spans="3:5" ht="23.1" customHeight="1" x14ac:dyDescent="0.2">
      <c r="C1048" s="16"/>
      <c r="D1048" s="16"/>
      <c r="E1048" s="16"/>
    </row>
    <row r="1049" spans="3:5" ht="23.1" customHeight="1" x14ac:dyDescent="0.2">
      <c r="C1049" s="16"/>
      <c r="D1049" s="16"/>
      <c r="E1049" s="16"/>
    </row>
    <row r="1050" spans="3:5" ht="23.1" customHeight="1" x14ac:dyDescent="0.2">
      <c r="C1050" s="16"/>
      <c r="D1050" s="16"/>
      <c r="E1050" s="16"/>
    </row>
  </sheetData>
  <autoFilter ref="A2:E1001"/>
  <mergeCells count="1">
    <mergeCell ref="A1:E1"/>
  </mergeCells>
  <phoneticPr fontId="1"/>
  <conditionalFormatting sqref="D920 C419:C420">
    <cfRule type="expression" dxfId="1" priority="3" stopIfTrue="1">
      <formula>AND(COUNTIF($B419,"&lt;&gt;"),C419="")</formula>
    </cfRule>
  </conditionalFormatting>
  <dataValidations count="4">
    <dataValidation type="list" allowBlank="1" showInputMessage="1" showErrorMessage="1" sqref="E83 E40 E239 E955:E956 H216:H217 E993:E1009 E2:E3 E1013:E1048576 E958:E972 E981">
      <formula1>"旅館,ホテル,簡易宿所"</formula1>
    </dataValidation>
    <dataValidation type="list" allowBlank="1" showInputMessage="1" showErrorMessage="1" sqref="E4:E39 E84:E238 E41:E82 E240:E954">
      <formula1>"旅館・ホテル,簡易宿所"</formula1>
    </dataValidation>
    <dataValidation type="custom" allowBlank="1" showInputMessage="1" showErrorMessage="1" errorTitle="入力規則" error="全角で入力してください" sqref="D920">
      <formula1>AND(D920=DBCS(D920))</formula1>
    </dataValidation>
    <dataValidation type="custom" allowBlank="1" showInputMessage="1" showErrorMessage="1" errorTitle="入力規則" error="全角で入力してください" promptTitle="変更してよろしいでしょうか？" prompt="変更箇所をよく確認してください_x000a_変更箇所は黄色に着色されます" sqref="C419:C420">
      <formula1>AND(C419=DBCS(C419))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51" fitToHeight="0" orientation="portrait" r:id="rId1"/>
  <headerFooter alignWithMargins="0">
    <oddFooter>&amp;C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2" stopIfTrue="1" id="{B8294394-C88D-4E33-AA48-1727AF599756}">
            <xm:f>VLOOKUP($C419,'\\kfs01\ドキュメント\05_小田原HWC（４月分）（新規８、変更９、変更（譲渡）１、変更（合併）１、廃業６）\[【小田原HWC】-4月旅館業法許可施設_アップロード用ファイル_v2.0.XLSX]最新施設情報'!#REF!,COLUMN(A419),FALSE)&lt;&gt;C419</xm:f>
            <x14:dxf>
              <fill>
                <patternFill>
                  <bgColor rgb="FFFFFF00"/>
                </patternFill>
              </fill>
            </x14:dxf>
          </x14:cfRule>
          <xm:sqref>C419:C420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小田原</vt:lpstr>
      <vt:lpstr>小田原!Print_Area</vt:lpstr>
      <vt:lpstr>小田原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17T02:31:35Z</cp:lastPrinted>
  <dcterms:created xsi:type="dcterms:W3CDTF">2016-12-05T08:23:20Z</dcterms:created>
  <dcterms:modified xsi:type="dcterms:W3CDTF">2025-10-17T02:56:28Z</dcterms:modified>
</cp:coreProperties>
</file>